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xl/tables/table2.xml" ContentType="application/vnd.openxmlformats-officedocument.spreadsheetml.table+xml"/>
  <Override PartName="/xl/tables/table3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328"/>
  <workbookPr filterPrivacy="1"/>
  <xr:revisionPtr revIDLastSave="0" documentId="8_{E5E75863-3A74-4A9A-8DCD-E5EFF1BDEA91}" xr6:coauthVersionLast="47" xr6:coauthVersionMax="47" xr10:uidLastSave="{00000000-0000-0000-0000-000000000000}"/>
  <workbookProtection workbookAlgorithmName="SHA-512" workbookHashValue="BaS7Rb6pMdL4Sm2oeO00sTttNqQGzxQLfPBS+wMl73Lz2sL5zbksoa4ECuuQyNnGxu2iSdL8JmMNuwxkp21sgQ==" workbookSaltValue="je/NEE379vymVCA6MM+Xfw==" workbookSpinCount="100000" lockStructure="1"/>
  <bookViews>
    <workbookView xWindow="28680" yWindow="-120" windowWidth="29040" windowHeight="15720" firstSheet="1" activeTab="2" xr2:uid="{01B1E72B-5336-4561-ACF1-819786852B9B}"/>
  </bookViews>
  <sheets>
    <sheet name="Fuse coord. OTDC S2.0 100-250A" sheetId="4" r:id="rId1"/>
    <sheet name="Fuse coord. OTDC M 250-630A" sheetId="2" r:id="rId2"/>
    <sheet name="Fuse coord. OTDC M 800-1000A" sheetId="5" r:id="rId3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422" uniqueCount="367">
  <si>
    <r>
      <rPr>
        <b/>
        <sz val="11"/>
        <color theme="1"/>
        <rFont val="ABBvoice"/>
        <family val="2"/>
        <scheme val="minor"/>
      </rPr>
      <t>Fuse coordination for OTDC S2.0 Series (OTDC100...250_G_11-ESS)</t>
    </r>
    <r>
      <rPr>
        <sz val="9.5"/>
        <color theme="1"/>
        <rFont val="ABBvoice"/>
        <family val="2"/>
        <charset val="238"/>
      </rPr>
      <t xml:space="preserve">
OTDC100...250G11-ESS for 1000Vdc, IEC only
OTDC100...250UG11-ESS for 1000Vdc, IEC and UL98B
OTDC100...250GV11-ESS for 1500Vdc, IEC only
OTDC100...250UGV11-ESS for 1500Vdc, IEC and UL98B
More detailed info, please contact us Global Sales Support, </t>
    </r>
    <r>
      <rPr>
        <sz val="9.5"/>
        <color rgb="FF00B0F0"/>
        <rFont val="ABBvoice"/>
        <family val="2"/>
        <scheme val="minor"/>
      </rPr>
      <t>switch.technicalservice@fi.abb.com</t>
    </r>
    <r>
      <rPr>
        <sz val="11"/>
        <color rgb="FF00B0F0"/>
        <rFont val="ABBvoice"/>
        <family val="2"/>
        <scheme val="minor"/>
      </rPr>
      <t xml:space="preserve">
</t>
    </r>
  </si>
  <si>
    <t>FUSE DATA</t>
  </si>
  <si>
    <t xml:space="preserve">Fuse 
Manuf. </t>
  </si>
  <si>
    <t>Order code</t>
  </si>
  <si>
    <t>Size</t>
  </si>
  <si>
    <t>Type</t>
  </si>
  <si>
    <t xml:space="preserve">
Rated
Voltage </t>
  </si>
  <si>
    <t>Rated
Current</t>
  </si>
  <si>
    <t>Rated
Breaking
Capacity</t>
  </si>
  <si>
    <t xml:space="preserve">
Self certified
Conditional
Short Circuit
Withstand current</t>
  </si>
  <si>
    <t>Littelfuse</t>
  </si>
  <si>
    <t>PSX1XLDB0100X</t>
  </si>
  <si>
    <t>NH1XL</t>
  </si>
  <si>
    <t>aBat</t>
  </si>
  <si>
    <t>PSX1XLDB0125X</t>
  </si>
  <si>
    <t>PSX1XLDB0160X</t>
  </si>
  <si>
    <t>PSX1XLDB0200X</t>
  </si>
  <si>
    <t>PSX1XLDB0250X</t>
  </si>
  <si>
    <t>SIBA</t>
  </si>
  <si>
    <t>50 271 06 100</t>
  </si>
  <si>
    <t>SM 140</t>
  </si>
  <si>
    <t>aR</t>
  </si>
  <si>
    <t>50 271 06 125</t>
  </si>
  <si>
    <t>90 441 25 100</t>
  </si>
  <si>
    <t>90 441 25 125</t>
  </si>
  <si>
    <t>90 441 25 160</t>
  </si>
  <si>
    <t>90 441 25 200</t>
  </si>
  <si>
    <t>90 223 38 100</t>
  </si>
  <si>
    <t>SQB-DC0</t>
  </si>
  <si>
    <t>90 223 38 125</t>
  </si>
  <si>
    <t>90 223 38 160</t>
  </si>
  <si>
    <t>90 223 38 180</t>
  </si>
  <si>
    <t>90 223 38 200</t>
  </si>
  <si>
    <t>90 203 38 125</t>
  </si>
  <si>
    <t>SQB-DC2</t>
  </si>
  <si>
    <t>90 203 38 160</t>
  </si>
  <si>
    <t>90 203 38 200</t>
  </si>
  <si>
    <t>90 203 38 250</t>
  </si>
  <si>
    <t>90 213 38 250</t>
  </si>
  <si>
    <t>SQB-DC2-2</t>
  </si>
  <si>
    <t>90 443 25 200</t>
  </si>
  <si>
    <t>NH3L</t>
  </si>
  <si>
    <t>90 443 25 250</t>
  </si>
  <si>
    <t>Mersen</t>
  </si>
  <si>
    <t>D72SG120V160QF (K079428)</t>
  </si>
  <si>
    <t>D72SG120V200QF (L079429)</t>
  </si>
  <si>
    <t>D72SG120V250QF (M079430)</t>
  </si>
  <si>
    <t>Sinofuse</t>
  </si>
  <si>
    <t>RSZ307-3-RAZ-100A1500V</t>
  </si>
  <si>
    <t>NH3</t>
  </si>
  <si>
    <t>RSZ307-3-RAZ-125A1500V</t>
  </si>
  <si>
    <t>RSZ307-3-RAZ-160A1500V</t>
  </si>
  <si>
    <t>RSZ307-3-RAZ-200A1500V</t>
  </si>
  <si>
    <t>RSZ307-3-RAZ-250A1500V</t>
  </si>
  <si>
    <t>ABAT15AA100GI/BI</t>
  </si>
  <si>
    <t>-</t>
  </si>
  <si>
    <t>aR/aBat</t>
  </si>
  <si>
    <t>ABAT15AA125GI/BI</t>
  </si>
  <si>
    <t>ABAT15AA160GI/BI</t>
  </si>
  <si>
    <t>ABAT15AA200GI/BI</t>
  </si>
  <si>
    <t>ABAT15AA250GI/BI</t>
  </si>
  <si>
    <t>ABAT15AD200GI/BI</t>
  </si>
  <si>
    <t>ABAT15AD250GI/BI</t>
  </si>
  <si>
    <t>ETI</t>
  </si>
  <si>
    <t>004110 653/660/667</t>
  </si>
  <si>
    <t>gBat</t>
  </si>
  <si>
    <t>004110 654/661/668</t>
  </si>
  <si>
    <t>004110 655/662/669</t>
  </si>
  <si>
    <t>004110 656/663/670</t>
  </si>
  <si>
    <t>004110 671/673/675</t>
  </si>
  <si>
    <t>NH2XL</t>
  </si>
  <si>
    <t>004110 672/674/676</t>
  </si>
  <si>
    <t>15NH1XLGBAT100</t>
  </si>
  <si>
    <t>15NH1XLGBAT125</t>
  </si>
  <si>
    <t>15NH2XLGBAT125</t>
  </si>
  <si>
    <t>15NH2XLGBAT160</t>
  </si>
  <si>
    <t>15NH2XLGBAT200</t>
  </si>
  <si>
    <t>15NH2XLGBAT250</t>
  </si>
  <si>
    <t>15NH3LGBAT160</t>
  </si>
  <si>
    <t>15NH3LGBAT200</t>
  </si>
  <si>
    <t>15NH3LGBAT250</t>
  </si>
  <si>
    <t>Eaton-Bussmann</t>
  </si>
  <si>
    <t>BSF-250G-3XL15</t>
  </si>
  <si>
    <t>NH3XL</t>
  </si>
  <si>
    <t>BSF-100G-NH110</t>
  </si>
  <si>
    <t>NH1</t>
  </si>
  <si>
    <t>BSF-125G-NH110</t>
  </si>
  <si>
    <t>BSF-160G-NH110</t>
  </si>
  <si>
    <t>BSF-200G-NH110</t>
  </si>
  <si>
    <t>BSF-160G-NH210</t>
  </si>
  <si>
    <t>NH2</t>
  </si>
  <si>
    <t>BSF-200G-NH210</t>
  </si>
  <si>
    <t>BSF-250G-NH210</t>
  </si>
  <si>
    <t>10NH1GBAT100</t>
  </si>
  <si>
    <t>10NH1GBAT125</t>
  </si>
  <si>
    <t>10NH1GBAT160</t>
  </si>
  <si>
    <t>10NH2GBAT200</t>
  </si>
  <si>
    <t>10NH2GBAT250</t>
  </si>
  <si>
    <t>004110 695/746/752</t>
  </si>
  <si>
    <t>NH01XL</t>
  </si>
  <si>
    <t>gPV</t>
  </si>
  <si>
    <t>004110 696/747/753</t>
  </si>
  <si>
    <t>004110 697/748/754</t>
  </si>
  <si>
    <t>004110 562/593/608</t>
  </si>
  <si>
    <t>004110 563/594/609</t>
  </si>
  <si>
    <t>004110 564/595/610</t>
  </si>
  <si>
    <t>004110 565/596/611</t>
  </si>
  <si>
    <t>004110 566/597/612</t>
  </si>
  <si>
    <t>004110 567/598/613</t>
  </si>
  <si>
    <t>20 041 28 100</t>
  </si>
  <si>
    <t>20 041 28 125</t>
  </si>
  <si>
    <t>20 041 28 160</t>
  </si>
  <si>
    <t>20 041 28 200</t>
  </si>
  <si>
    <t>20 042 29 160</t>
  </si>
  <si>
    <t>20 042 29 200</t>
  </si>
  <si>
    <t>20 042 29 250</t>
  </si>
  <si>
    <t>20 243 28 200</t>
  </si>
  <si>
    <t>20 243 28 250</t>
  </si>
  <si>
    <t>HP15NH1XLGPV100</t>
  </si>
  <si>
    <t>NHXL1</t>
  </si>
  <si>
    <t>HP15NH1XLGPV125</t>
  </si>
  <si>
    <t>HP15NH2XLGPV125</t>
  </si>
  <si>
    <t>NHXL2</t>
  </si>
  <si>
    <t>HP15NH2XLGPV160</t>
  </si>
  <si>
    <t>HP15NH2XLGPV200</t>
  </si>
  <si>
    <t>HP15NH2XLGPV250</t>
  </si>
  <si>
    <t>HP15NH3LGPV160</t>
  </si>
  <si>
    <t>HP15NH3LGPV200</t>
  </si>
  <si>
    <t>HP15NH3LGPV250</t>
  </si>
  <si>
    <t>SPNH100.X</t>
  </si>
  <si>
    <t>SPNH125.X</t>
  </si>
  <si>
    <t>SPNH160.X</t>
  </si>
  <si>
    <t>SPNH200.X</t>
  </si>
  <si>
    <t>SPNH200.X2XL</t>
  </si>
  <si>
    <t>SPNH250.X2XL</t>
  </si>
  <si>
    <t>PV-100A-01XL-15</t>
  </si>
  <si>
    <t>PV-125A-01XL-15</t>
  </si>
  <si>
    <t>PV-160A-01XL-12</t>
  </si>
  <si>
    <t>PV-100A-1XL-15</t>
  </si>
  <si>
    <t>PV-125A-1XL-15</t>
  </si>
  <si>
    <t>PV-160A-1XL-15</t>
  </si>
  <si>
    <t>PV-200A-1XL-15</t>
  </si>
  <si>
    <t>PV-125A-2XL-15</t>
  </si>
  <si>
    <t>PV-160A-2XL-15</t>
  </si>
  <si>
    <t>PV-200A-2XL-15</t>
  </si>
  <si>
    <t>PV-250A-2XL-15</t>
  </si>
  <si>
    <t>PV-250A-3L-15</t>
  </si>
  <si>
    <t>HP12NH1XLGPV125</t>
  </si>
  <si>
    <t>HP12NH1XLGPV160</t>
  </si>
  <si>
    <t>HP12NH2XLGPV200</t>
  </si>
  <si>
    <t>HP12NH2XLGPV250</t>
  </si>
  <si>
    <t>HP12NH3LGPV250</t>
  </si>
  <si>
    <t>004110 428</t>
  </si>
  <si>
    <t>004110 429</t>
  </si>
  <si>
    <t>004110 410</t>
  </si>
  <si>
    <t>004110 411</t>
  </si>
  <si>
    <t>004110 430</t>
  </si>
  <si>
    <t>004110 413</t>
  </si>
  <si>
    <t>004110 451</t>
  </si>
  <si>
    <t>004110 452</t>
  </si>
  <si>
    <t>004110 453</t>
  </si>
  <si>
    <t>004110 393</t>
  </si>
  <si>
    <t>004110 394</t>
  </si>
  <si>
    <t>004110 395</t>
  </si>
  <si>
    <t>004110 396</t>
  </si>
  <si>
    <t>004110 397</t>
  </si>
  <si>
    <t>004110 398</t>
  </si>
  <si>
    <t>004110 387</t>
  </si>
  <si>
    <t>NH0</t>
  </si>
  <si>
    <t>004110 388</t>
  </si>
  <si>
    <t>004110 389</t>
  </si>
  <si>
    <t>004110 377</t>
  </si>
  <si>
    <t>NH1C</t>
  </si>
  <si>
    <t>004110 378</t>
  </si>
  <si>
    <t>004110 379</t>
  </si>
  <si>
    <t>004110 342</t>
  </si>
  <si>
    <t>004110 343</t>
  </si>
  <si>
    <t>004110 344</t>
  </si>
  <si>
    <t>004110 456</t>
  </si>
  <si>
    <t>004110 455</t>
  </si>
  <si>
    <t>004110 458</t>
  </si>
  <si>
    <t>004110 646</t>
  </si>
  <si>
    <t>PV-100ANH1</t>
  </si>
  <si>
    <t>PV-110ANH1</t>
  </si>
  <si>
    <t>PV-125ANH1</t>
  </si>
  <si>
    <t>PV-160ANH1</t>
  </si>
  <si>
    <t>PV-175ANH1</t>
  </si>
  <si>
    <t>PV-200ANH1</t>
  </si>
  <si>
    <t>PV-160ANH2</t>
  </si>
  <si>
    <t>PV-200ANH2</t>
  </si>
  <si>
    <t>PV-250ANH2</t>
  </si>
  <si>
    <t>PV-100A-01XL</t>
  </si>
  <si>
    <t>PV-125A-01XL</t>
  </si>
  <si>
    <t>PV-160A-01XL</t>
  </si>
  <si>
    <t>PV-160A-2XL</t>
  </si>
  <si>
    <t>PV-200A-2XL</t>
  </si>
  <si>
    <t>PV-250A-2XL</t>
  </si>
  <si>
    <t>HP10NH1GPV100</t>
  </si>
  <si>
    <t>HP10NH1GPV125</t>
  </si>
  <si>
    <t>HP10NH1GPV160</t>
  </si>
  <si>
    <t>HP10NH2GPV200</t>
  </si>
  <si>
    <t>HP10NH2GPV250</t>
  </si>
  <si>
    <t>20 243 36 100</t>
  </si>
  <si>
    <t>gR</t>
  </si>
  <si>
    <t>20 243 36 125</t>
  </si>
  <si>
    <t>20 243 36 160</t>
  </si>
  <si>
    <t>20 243 36 200</t>
  </si>
  <si>
    <t>20 243 36 250</t>
  </si>
  <si>
    <r>
      <rPr>
        <b/>
        <sz val="11"/>
        <color theme="1"/>
        <rFont val="ABBvoice"/>
        <family val="2"/>
        <scheme val="minor"/>
      </rPr>
      <t>Fuse coordination for OTDC M Series (OTDC250…630_F_11-ESS)</t>
    </r>
    <r>
      <rPr>
        <sz val="9.5"/>
        <color theme="1"/>
        <rFont val="ABBvoice"/>
        <family val="2"/>
        <charset val="238"/>
      </rPr>
      <t xml:space="preserve">
OTDC250…630F11-ESS for 1000Vdc, IEC only
OTDC250…600UF11-ESS for 1000Vdc, IEC and UL98B
OTDC250…630FV11-ESS for 1500Vdc, IEC only
OTDC250…600UFV11-ESS for 1500Vdc, IEC and UL98B
More detailed info, please contact us Global Sales Support,</t>
    </r>
    <r>
      <rPr>
        <sz val="9.5"/>
        <color rgb="FF00B0F0"/>
        <rFont val="ABBvoice"/>
        <family val="2"/>
      </rPr>
      <t xml:space="preserve"> switch.technicalservice@fi.abb.com</t>
    </r>
    <r>
      <rPr>
        <sz val="11"/>
        <color rgb="FF00B0F0"/>
        <rFont val="ABBvoice"/>
        <family val="2"/>
        <scheme val="minor"/>
      </rPr>
      <t xml:space="preserve">
</t>
    </r>
  </si>
  <si>
    <t>Rated conditional short-circuit current I q, 1500V</t>
  </si>
  <si>
    <t>Time constant L/R</t>
  </si>
  <si>
    <t>Allowed let through peak</t>
  </si>
  <si>
    <t>Allowed let through energy I^2t</t>
  </si>
  <si>
    <t>OTDC250A-630_F_-ESS</t>
  </si>
  <si>
    <t>100 kA</t>
  </si>
  <si>
    <t>0,5ms</t>
  </si>
  <si>
    <t>53 kA</t>
  </si>
  <si>
    <t>1,1 MA^2s</t>
  </si>
  <si>
    <t xml:space="preserve">100kA rating is available by using any fuse not exceeding the let throug peak and energy values </t>
  </si>
  <si>
    <t>PSX1XLDB0280X</t>
  </si>
  <si>
    <t>PSX1XLDB0315X</t>
  </si>
  <si>
    <t>PSX1XLDB0350X</t>
  </si>
  <si>
    <t>PSX1XLDB0400X</t>
  </si>
  <si>
    <t>PSX1XLDB0450X</t>
  </si>
  <si>
    <t>PSX1XLDB0500X</t>
  </si>
  <si>
    <t>PSX1XLDB0550X</t>
  </si>
  <si>
    <t>PSX1XLDB0630X</t>
  </si>
  <si>
    <t>PSX3XLDB0450X</t>
  </si>
  <si>
    <t>PSX3XLDB0500X</t>
  </si>
  <si>
    <t>PSX3XLDB0550X</t>
  </si>
  <si>
    <t>PSX3XLDB0630X</t>
  </si>
  <si>
    <t>90 203 38 300</t>
  </si>
  <si>
    <t>90 203 38 315</t>
  </si>
  <si>
    <t>90 203 38 350</t>
  </si>
  <si>
    <t>90 203 38 400</t>
  </si>
  <si>
    <t>90 213 38 320</t>
  </si>
  <si>
    <t>90 213 38 400</t>
  </si>
  <si>
    <t>90 213 38 500</t>
  </si>
  <si>
    <t>90 213 38 600</t>
  </si>
  <si>
    <t>90 213 38 630</t>
  </si>
  <si>
    <t>90 443 25 315</t>
  </si>
  <si>
    <t>90 443 25 350</t>
  </si>
  <si>
    <t>90 443 25 400</t>
  </si>
  <si>
    <t>90 443 25 450</t>
  </si>
  <si>
    <t>90 443 25 500</t>
  </si>
  <si>
    <t>90 443 25 550</t>
  </si>
  <si>
    <t>90 443 25 630</t>
  </si>
  <si>
    <t>90 392 25 630</t>
  </si>
  <si>
    <t>SQB-DC154</t>
  </si>
  <si>
    <t>D72SG120V315QF (N079431)</t>
  </si>
  <si>
    <t>D72SG120V350QF (Q085574)</t>
  </si>
  <si>
    <t>D72SG120V400QF (P079432)</t>
  </si>
  <si>
    <t>D72SG120V420QF (Q079433)</t>
  </si>
  <si>
    <t>RSZ307-3-RAZ-315A1500V</t>
  </si>
  <si>
    <t>RSZ307-3-RAZ-350A1500V</t>
  </si>
  <si>
    <t>RSZ307-3-RAZ-400A1500V</t>
  </si>
  <si>
    <t>RSZ307-3-RAZ-450A1500V</t>
  </si>
  <si>
    <t>ABAT15AD300GI/BI</t>
  </si>
  <si>
    <t>ABAT15AD350GI/BI</t>
  </si>
  <si>
    <t>ABAT15AD400GI/BI</t>
  </si>
  <si>
    <t>ABAT15AD450GI/BI</t>
  </si>
  <si>
    <t>ABAT15AD500GI/BI</t>
  </si>
  <si>
    <t>ABAT15C500AIA</t>
  </si>
  <si>
    <t>ABAT15C550AIA</t>
  </si>
  <si>
    <t>ABAT15C630AIA</t>
  </si>
  <si>
    <t>004110 677/682/687</t>
  </si>
  <si>
    <t>004110 678/683/688</t>
  </si>
  <si>
    <t>004110 679/684/689</t>
  </si>
  <si>
    <t>004110 680/685/690</t>
  </si>
  <si>
    <t>004110 681/686/691</t>
  </si>
  <si>
    <t>004110 779/780/781</t>
  </si>
  <si>
    <t>15NH3LGBAT315</t>
  </si>
  <si>
    <t>15NH3LGBAT350</t>
  </si>
  <si>
    <t>15NH3LGBAT400</t>
  </si>
  <si>
    <t>BSF-315G-3XL15</t>
  </si>
  <si>
    <t>BSF-355G-3XL15</t>
  </si>
  <si>
    <t>BSF-400G-3XL15</t>
  </si>
  <si>
    <t>BSF-450G-3XL15</t>
  </si>
  <si>
    <t>BSF-500G-3XL15</t>
  </si>
  <si>
    <t>BSF-315G-NH310</t>
  </si>
  <si>
    <t>BSF-355G-NH310</t>
  </si>
  <si>
    <t>BSF-400G-NH310</t>
  </si>
  <si>
    <t>004110 630/635/640</t>
  </si>
  <si>
    <t>004110 631/636/641</t>
  </si>
  <si>
    <t>004110 632/637/642</t>
  </si>
  <si>
    <t>004110 633/638/643</t>
  </si>
  <si>
    <t>004110 634/639/644</t>
  </si>
  <si>
    <t>2 in parallel 004110 634</t>
  </si>
  <si>
    <t>004110 647/648/649</t>
  </si>
  <si>
    <t>2 in parallel 004110 647</t>
  </si>
  <si>
    <t>004110 714/719/724</t>
  </si>
  <si>
    <t>004110 715/720/725</t>
  </si>
  <si>
    <t>004110 716/721/726</t>
  </si>
  <si>
    <t>004110 717/722/727</t>
  </si>
  <si>
    <t>004110 718/723/728</t>
  </si>
  <si>
    <t>20 042 29 315</t>
  </si>
  <si>
    <t>20 243 28 315</t>
  </si>
  <si>
    <t>20 243 28 350</t>
  </si>
  <si>
    <t>20 243 28 400</t>
  </si>
  <si>
    <t>20 243 28 450</t>
  </si>
  <si>
    <t>20 243 28 500</t>
  </si>
  <si>
    <t>HP15NH3LGPV315</t>
  </si>
  <si>
    <t>HP15NH3LGPV350</t>
  </si>
  <si>
    <t>HP15NH3LGPV400</t>
  </si>
  <si>
    <t>SPNH315.X3L</t>
  </si>
  <si>
    <t>SPNH350.X3L</t>
  </si>
  <si>
    <t>SPNH400.X3L</t>
  </si>
  <si>
    <t>PV-315A-3L-15</t>
  </si>
  <si>
    <t>PV-350A-3L-15</t>
  </si>
  <si>
    <t>PV-355A-3L-15</t>
  </si>
  <si>
    <t>PV-400A-3L-15</t>
  </si>
  <si>
    <t>PV-450A-3L-15</t>
  </si>
  <si>
    <t>PV-500A-3L-15</t>
  </si>
  <si>
    <t>004110 460</t>
  </si>
  <si>
    <t>004110 459</t>
  </si>
  <si>
    <t>004110 457</t>
  </si>
  <si>
    <t>004110 418</t>
  </si>
  <si>
    <t>004110 483</t>
  </si>
  <si>
    <t>004110 454</t>
  </si>
  <si>
    <t>004110 425</t>
  </si>
  <si>
    <t>004110 440</t>
  </si>
  <si>
    <t>004110 441</t>
  </si>
  <si>
    <t>004110 448</t>
  </si>
  <si>
    <t>004110 446</t>
  </si>
  <si>
    <t>004110 449</t>
  </si>
  <si>
    <t>004110 399</t>
  </si>
  <si>
    <t>004110 400</t>
  </si>
  <si>
    <t>004110 401</t>
  </si>
  <si>
    <t>004110 485</t>
  </si>
  <si>
    <t>004110 629</t>
  </si>
  <si>
    <t>PV-300ANH3</t>
  </si>
  <si>
    <t>PV-315ANH3</t>
  </si>
  <si>
    <t>PV-350ANH3</t>
  </si>
  <si>
    <t>PV-355ANH3</t>
  </si>
  <si>
    <t>PV-400ANH3</t>
  </si>
  <si>
    <t>PV-315A-2XL</t>
  </si>
  <si>
    <t>PV-355A-2XL</t>
  </si>
  <si>
    <t>PV-350A-3L</t>
  </si>
  <si>
    <t>PV-400A-3L</t>
  </si>
  <si>
    <t>PV-500A-3L</t>
  </si>
  <si>
    <t>PV-600A-3L</t>
  </si>
  <si>
    <t>HP12NH3LGPV315</t>
  </si>
  <si>
    <t>HP12NH3LGPV350</t>
  </si>
  <si>
    <t>HP12NH3LGPV400</t>
  </si>
  <si>
    <t>20 243 36 315</t>
  </si>
  <si>
    <t>20 243 36 350</t>
  </si>
  <si>
    <t>20 243 36 400</t>
  </si>
  <si>
    <t>20 243 36 450</t>
  </si>
  <si>
    <t>20 243 36 500</t>
  </si>
  <si>
    <r>
      <rPr>
        <b/>
        <sz val="11"/>
        <color theme="1"/>
        <rFont val="ABBvoice"/>
        <family val="2"/>
        <scheme val="minor"/>
      </rPr>
      <t>Fuse coordination for OTDC M Series (OTDC800…1000_F_22-ESS)</t>
    </r>
    <r>
      <rPr>
        <sz val="9.5"/>
        <color theme="1"/>
        <rFont val="ABBvoice"/>
        <family val="2"/>
        <charset val="238"/>
      </rPr>
      <t xml:space="preserve">
OTDC800…1000F22-ESS for 1000Vdc, IEC only
OTDC800…1000UF22-ESS for 1000Vdc, IEC and UL98B
OTDC800…1000FV22-ESS for 1500Vdc, IEC only
OTDC800…1000UFV22-ESS for 1500Vdc, IEC and UL98B
More detailed info, please contact us Global Sales Support, </t>
    </r>
    <r>
      <rPr>
        <sz val="9.5"/>
        <color rgb="FF00B0F0"/>
        <rFont val="ABBvoice"/>
        <family val="2"/>
      </rPr>
      <t>switch.technicalservice@fi.abb.com</t>
    </r>
    <r>
      <rPr>
        <sz val="11"/>
        <color rgb="FF00B0F0"/>
        <rFont val="ABBvoice"/>
        <family val="2"/>
        <scheme val="minor"/>
      </rPr>
      <t xml:space="preserve">
</t>
    </r>
  </si>
  <si>
    <t>OTDC800A-1000_F_-ESS</t>
  </si>
  <si>
    <t>70 kA</t>
  </si>
  <si>
    <t>2,4 MA^2s</t>
  </si>
  <si>
    <t>PSX3XLDB0800X</t>
  </si>
  <si>
    <t>PSX3XLDB0900X</t>
  </si>
  <si>
    <t>PSX3XLDB1000X</t>
  </si>
  <si>
    <t>90 213 38 800</t>
  </si>
  <si>
    <t>90 447 38 800</t>
  </si>
  <si>
    <t>SQB-DC153</t>
  </si>
  <si>
    <t>90 447 38 900</t>
  </si>
  <si>
    <t>90 447 38 1000</t>
  </si>
  <si>
    <t>90 392 25 800</t>
  </si>
  <si>
    <t>90 392 25 900</t>
  </si>
  <si>
    <t>90 392 25 1000</t>
  </si>
  <si>
    <t>ABAT15C800AIA</t>
  </si>
  <si>
    <t>ABAT15C900AIA</t>
  </si>
  <si>
    <t>ABAT15C1000AIB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7">
    <numFmt numFmtId="164" formatCode="_(&quot;$&quot;* #,##0_);_(&quot;$&quot;* \(#,##0\);_(&quot;$&quot;* &quot;-&quot;_);_(@_)"/>
    <numFmt numFmtId="165" formatCode="_(* #,##0_);_(* \(#,##0\);_(* &quot;-&quot;_);_(@_)"/>
    <numFmt numFmtId="166" formatCode="_(&quot;$&quot;* #,##0.00_);_(&quot;$&quot;* \(#,##0.00\);_(&quot;$&quot;* &quot;-&quot;??_);_(@_)"/>
    <numFmt numFmtId="167" formatCode="_(* #,##0.00_);_(* \(#,##0.00\);_(* &quot;-&quot;??_);_(@_)"/>
    <numFmt numFmtId="168" formatCode="0&quot; Vdc&quot;"/>
    <numFmt numFmtId="169" formatCode="0&quot; A&quot;"/>
    <numFmt numFmtId="170" formatCode="0&quot; kA&quot;"/>
  </numFmts>
  <fonts count="31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sz val="11"/>
      <color rgb="FF00B0F0"/>
      <name val="ABBvoice"/>
      <family val="2"/>
      <scheme val="minor"/>
    </font>
    <font>
      <sz val="9.5"/>
      <color theme="1"/>
      <name val="ABBvoice"/>
      <family val="2"/>
    </font>
    <font>
      <b/>
      <sz val="20"/>
      <color theme="1"/>
      <name val="ABBvoice"/>
      <family val="2"/>
      <scheme val="minor"/>
    </font>
    <font>
      <sz val="11"/>
      <name val="Arial"/>
      <family val="2"/>
    </font>
    <font>
      <b/>
      <sz val="11"/>
      <name val="ABBvoice"/>
      <family val="2"/>
      <scheme val="minor"/>
    </font>
    <font>
      <sz val="9.5"/>
      <color rgb="FF00B0F0"/>
      <name val="ABBvoice"/>
      <family val="2"/>
    </font>
    <font>
      <sz val="9.5"/>
      <color rgb="FF00B0F0"/>
      <name val="ABBvoice"/>
      <family val="2"/>
      <scheme val="minor"/>
    </font>
    <font>
      <b/>
      <sz val="9.5"/>
      <color theme="1"/>
      <name val="ABBvoice"/>
      <family val="2"/>
    </font>
    <font>
      <i/>
      <sz val="9.5"/>
      <color theme="1"/>
      <name val="ABBvoice"/>
      <family val="2"/>
    </font>
  </fonts>
  <fills count="34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0" tint="-4.9989318521683403E-2"/>
        <bgColor indexed="64"/>
      </patternFill>
    </fill>
  </fills>
  <borders count="19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/>
      <diagonal/>
    </border>
  </borders>
  <cellStyleXfs count="53">
    <xf numFmtId="0" fontId="0" fillId="0" borderId="0"/>
    <xf numFmtId="167" fontId="5" fillId="0" borderId="0" applyFont="0" applyFill="0" applyBorder="0" applyAlignment="0" applyProtection="0"/>
    <xf numFmtId="165" fontId="5" fillId="0" borderId="0" applyFont="0" applyFill="0" applyBorder="0" applyAlignment="0" applyProtection="0"/>
    <xf numFmtId="166" fontId="5" fillId="0" borderId="0" applyFont="0" applyFill="0" applyBorder="0" applyAlignment="0" applyProtection="0"/>
    <xf numFmtId="164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26">
    <xf numFmtId="0" fontId="0" fillId="0" borderId="0" xfId="0"/>
    <xf numFmtId="0" fontId="25" fillId="0" borderId="0" xfId="0" applyFont="1" applyAlignment="1">
      <alignment horizontal="left"/>
    </xf>
    <xf numFmtId="49" fontId="25" fillId="0" borderId="0" xfId="0" applyNumberFormat="1" applyFont="1" applyAlignment="1">
      <alignment horizontal="left"/>
    </xf>
    <xf numFmtId="168" fontId="25" fillId="0" borderId="0" xfId="0" applyNumberFormat="1" applyFont="1" applyAlignment="1">
      <alignment horizontal="left"/>
    </xf>
    <xf numFmtId="169" fontId="25" fillId="0" borderId="0" xfId="0" applyNumberFormat="1" applyFont="1" applyAlignment="1">
      <alignment horizontal="left"/>
    </xf>
    <xf numFmtId="170" fontId="25" fillId="0" borderId="0" xfId="0" applyNumberFormat="1" applyFont="1" applyAlignment="1">
      <alignment horizontal="left"/>
    </xf>
    <xf numFmtId="170" fontId="25" fillId="0" borderId="0" xfId="0" applyNumberFormat="1" applyFont="1" applyAlignment="1">
      <alignment horizontal="center"/>
    </xf>
    <xf numFmtId="3" fontId="25" fillId="0" borderId="0" xfId="0" applyNumberFormat="1" applyFont="1" applyAlignment="1">
      <alignment horizontal="left"/>
    </xf>
    <xf numFmtId="0" fontId="20" fillId="33" borderId="16" xfId="0" applyFont="1" applyFill="1" applyBorder="1" applyAlignment="1">
      <alignment wrapText="1"/>
    </xf>
    <xf numFmtId="0" fontId="20" fillId="33" borderId="16" xfId="0" applyFont="1" applyFill="1" applyBorder="1" applyAlignment="1">
      <alignment horizontal="left" wrapText="1"/>
    </xf>
    <xf numFmtId="0" fontId="20" fillId="33" borderId="16" xfId="0" applyFont="1" applyFill="1" applyBorder="1" applyAlignment="1">
      <alignment horizontal="left"/>
    </xf>
    <xf numFmtId="0" fontId="26" fillId="33" borderId="16" xfId="0" applyFont="1" applyFill="1" applyBorder="1" applyAlignment="1">
      <alignment horizontal="left" wrapText="1"/>
    </xf>
    <xf numFmtId="0" fontId="0" fillId="0" borderId="14" xfId="0" applyBorder="1"/>
    <xf numFmtId="0" fontId="0" fillId="0" borderId="0" xfId="0" applyAlignment="1">
      <alignment wrapText="1"/>
    </xf>
    <xf numFmtId="0" fontId="29" fillId="0" borderId="0" xfId="0" applyFont="1"/>
    <xf numFmtId="0" fontId="23" fillId="0" borderId="0" xfId="0" applyFont="1" applyAlignment="1">
      <alignment horizontal="left" wrapText="1"/>
    </xf>
    <xf numFmtId="0" fontId="0" fillId="0" borderId="0" xfId="0" applyAlignment="1">
      <alignment horizontal="left" wrapText="1"/>
    </xf>
    <xf numFmtId="0" fontId="24" fillId="33" borderId="13" xfId="0" applyFont="1" applyFill="1" applyBorder="1" applyAlignment="1">
      <alignment horizontal="center"/>
    </xf>
    <xf numFmtId="0" fontId="24" fillId="33" borderId="14" xfId="0" applyFont="1" applyFill="1" applyBorder="1" applyAlignment="1">
      <alignment horizontal="center"/>
    </xf>
    <xf numFmtId="0" fontId="24" fillId="33" borderId="15" xfId="0" applyFont="1" applyFill="1" applyBorder="1" applyAlignment="1">
      <alignment horizontal="center"/>
    </xf>
    <xf numFmtId="0" fontId="30" fillId="0" borderId="18" xfId="0" applyFont="1" applyBorder="1" applyAlignment="1">
      <alignment horizontal="center" vertical="center" wrapText="1"/>
    </xf>
    <xf numFmtId="0" fontId="30" fillId="0" borderId="0" xfId="0" applyFont="1" applyAlignment="1">
      <alignment horizontal="center" vertical="center" wrapText="1"/>
    </xf>
    <xf numFmtId="0" fontId="30" fillId="0" borderId="17" xfId="0" applyFont="1" applyBorder="1" applyAlignment="1">
      <alignment horizontal="center" vertical="center" wrapText="1"/>
    </xf>
    <xf numFmtId="0" fontId="20" fillId="33" borderId="18" xfId="0" applyFont="1" applyFill="1" applyBorder="1" applyAlignment="1">
      <alignment horizontal="left" wrapText="1"/>
    </xf>
    <xf numFmtId="0" fontId="20" fillId="33" borderId="0" xfId="0" applyFont="1" applyFill="1" applyAlignment="1">
      <alignment horizontal="left" wrapText="1"/>
    </xf>
    <xf numFmtId="0" fontId="20" fillId="33" borderId="17" xfId="0" applyFont="1" applyFill="1" applyBorder="1" applyAlignment="1">
      <alignment horizontal="left" wrapText="1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68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center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9" formatCode="0&quot; 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8" formatCode="0&quot; Vdc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30" formatCode="@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rgb="FF000000"/>
          <bgColor auto="1"/>
        </patternFill>
      </fill>
      <protection locked="1" hidden="0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BBvoice"/>
        <family val="2"/>
        <scheme val="minor"/>
      </font>
      <fill>
        <patternFill patternType="solid">
          <fgColor indexed="64"/>
          <bgColor theme="5" tint="0.79998168889431442"/>
        </patternFill>
      </fill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center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9" formatCode="0&quot; 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8" formatCode="0&quot; Vdc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30" formatCode="@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rgb="FF000000"/>
          <bgColor auto="1"/>
        </patternFill>
      </fill>
      <protection locked="1" hidden="0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BBvoice"/>
        <family val="2"/>
        <scheme val="minor"/>
      </font>
      <fill>
        <patternFill patternType="solid">
          <fgColor indexed="64"/>
          <bgColor theme="5" tint="0.79998168889431442"/>
        </patternFill>
      </fill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center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9" formatCode="0&quot; 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8" formatCode="0&quot; Vdc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30" formatCode="@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rgb="FF000000"/>
          <bgColor auto="1"/>
        </patternFill>
      </fill>
      <protection locked="1" hidden="0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BBvoice"/>
        <family val="2"/>
        <scheme val="minor"/>
      </font>
      <fill>
        <patternFill patternType="solid">
          <fgColor indexed="64"/>
          <bgColor theme="5" tint="0.79998168889431442"/>
        </patternFill>
      </fill>
      <protection locked="1" hidden="0"/>
    </dxf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67"/>
      <tableStyleElement type="headerRow" dxfId="66"/>
      <tableStyleElement type="totalRow" dxfId="65"/>
      <tableStyleElement type="firstColumn" dxfId="64"/>
      <tableStyleElement type="lastColumn" dxfId="63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5" Type="http://schemas.openxmlformats.org/officeDocument/2006/relationships/styles" Target="styles.xml"/><Relationship Id="rId4" Type="http://schemas.openxmlformats.org/officeDocument/2006/relationships/theme" Target="theme/theme1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2" xr:uid="{A1AC8A8F-9F85-42CA-96CC-76827C1DB84E}" name="Table133" displayName="Table133" ref="A16:H185" totalsRowShown="0" headerRowDxfId="62" dataDxfId="61">
  <autoFilter ref="A16:H185" xr:uid="{3C5C9C18-4500-430E-B778-45717E8540F2}"/>
  <sortState xmlns:xlrd2="http://schemas.microsoft.com/office/spreadsheetml/2017/richdata2" ref="A17:H179">
    <sortCondition ref="D3:D166"/>
  </sortState>
  <tableColumns count="8">
    <tableColumn id="2" xr3:uid="{7089BB95-1226-45AE-9B7B-D8C625006E04}" name="Fuse _x000a_Manuf. " dataDxfId="60"/>
    <tableColumn id="3" xr3:uid="{88EF3043-5BDF-4ED1-B9D9-80D2205DDE40}" name="Order code" dataDxfId="59"/>
    <tableColumn id="4" xr3:uid="{8AA84D53-A003-4FFE-9A21-D5F7499E73EA}" name="Size" dataDxfId="58"/>
    <tableColumn id="6" xr3:uid="{68CF3B84-D1F8-43B3-8AFB-F248B7D24391}" name="Type" dataDxfId="57"/>
    <tableColumn id="7" xr3:uid="{42D7711B-888D-46A5-8F37-F6CF7841F68E}" name="_x000a_Rated_x000a_Voltage " dataDxfId="56"/>
    <tableColumn id="8" xr3:uid="{6A66406C-B3E2-4117-8A7D-F2BBF580AD4B}" name="Rated_x000a_Current" dataDxfId="55"/>
    <tableColumn id="12" xr3:uid="{4A233DC7-0053-4C59-9514-7878CD1E9B0E}" name="Rated_x000a_Breaking_x000a_Capacity" dataDxfId="54"/>
    <tableColumn id="33" xr3:uid="{C2518D46-A7A7-4D13-B623-D12360630FD8}" name="_x000a_Self certified_x000a_Conditional_x000a_Short Circuit_x000a_Withstand current" dataDxfId="53"/>
  </tableColumns>
  <tableStyleInfo showFirstColumn="0" showLastColumn="0" showRowStripes="0" showColumnStripes="0"/>
</table>
</file>

<file path=xl/tables/table2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3C5C9C18-4500-430E-B778-45717E8540F2}" name="Table13" displayName="Table13" ref="A16:H179" totalsRowShown="0" headerRowDxfId="52" dataDxfId="51">
  <autoFilter ref="A16:H179" xr:uid="{3C5C9C18-4500-430E-B778-45717E8540F2}"/>
  <sortState xmlns:xlrd2="http://schemas.microsoft.com/office/spreadsheetml/2017/richdata2" ref="A17:H179">
    <sortCondition ref="D3:D166"/>
  </sortState>
  <tableColumns count="8">
    <tableColumn id="2" xr3:uid="{375D9ADF-7ED3-4167-B444-647ADFB29347}" name="Fuse _x000a_Manuf. " dataDxfId="50"/>
    <tableColumn id="3" xr3:uid="{C228AFD6-B3BE-4711-8802-A82A9B4BF3C3}" name="Order code" dataDxfId="49"/>
    <tableColumn id="4" xr3:uid="{503C67F4-E160-4ADB-8923-E89CDAF8F3FB}" name="Size" dataDxfId="48"/>
    <tableColumn id="6" xr3:uid="{16BC1D2D-4D9A-437D-91B9-246636CA3BBF}" name="Type" dataDxfId="47"/>
    <tableColumn id="7" xr3:uid="{61B2B261-1FBA-402A-A006-BFF8510F1217}" name="_x000a_Rated_x000a_Voltage " dataDxfId="46"/>
    <tableColumn id="8" xr3:uid="{78BCD116-AD81-4F9B-BDB0-B358634AF810}" name="Rated_x000a_Current" dataDxfId="45"/>
    <tableColumn id="12" xr3:uid="{0BE36568-B634-43B8-A3CE-5CFA10E3A49B}" name="Rated_x000a_Breaking_x000a_Capacity" dataDxfId="44"/>
    <tableColumn id="33" xr3:uid="{C69DC284-B2F2-4BAF-9BC0-8249725E9FAD}" name="_x000a_Self certified_x000a_Conditional_x000a_Short Circuit_x000a_Withstand current" dataDxfId="43"/>
  </tableColumns>
  <tableStyleInfo showFirstColumn="0" showLastColumn="0" showRowStripes="0" showColumnStripes="0"/>
</table>
</file>

<file path=xl/tables/table3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3" xr:uid="{ABB254C6-6A2A-4F60-903B-C39F003AFB4E}" name="Table1334" displayName="Table1334" ref="A16:H179" totalsRowShown="0" headerRowDxfId="42" dataDxfId="41">
  <autoFilter ref="A16:H179" xr:uid="{3C5C9C18-4500-430E-B778-45717E8540F2}"/>
  <sortState xmlns:xlrd2="http://schemas.microsoft.com/office/spreadsheetml/2017/richdata2" ref="A17:H179">
    <sortCondition ref="D3:D166"/>
  </sortState>
  <tableColumns count="8">
    <tableColumn id="2" xr3:uid="{45859EFF-1931-416C-AE0E-6BCF1FAED393}" name="Fuse _x000a_Manuf. " dataDxfId="40"/>
    <tableColumn id="3" xr3:uid="{59AA7669-408E-4DA4-886A-F48F37C0D4C7}" name="Order code" dataDxfId="39"/>
    <tableColumn id="4" xr3:uid="{125DF152-886F-4A9F-AEF3-B2F63E396FED}" name="Size" dataDxfId="38"/>
    <tableColumn id="6" xr3:uid="{CDDFE9A0-602A-485B-9F8B-7086A347EED0}" name="Type" dataDxfId="37"/>
    <tableColumn id="7" xr3:uid="{ADC83BCE-90A4-4180-B756-CDE818E6B2B1}" name="_x000a_Rated_x000a_Voltage " dataDxfId="36"/>
    <tableColumn id="8" xr3:uid="{BF0CF84D-0AE4-4C58-91D1-0163D6241CF0}" name="Rated_x000a_Current" dataDxfId="35"/>
    <tableColumn id="12" xr3:uid="{71A44CD7-E1AE-4DD1-8F32-8AAFA647ABD1}" name="Rated_x000a_Breaking_x000a_Capacity" dataDxfId="34"/>
    <tableColumn id="33" xr3:uid="{FF5CD8F5-BCAE-469A-BCC0-B433483B5E73}" name="_x000a_Self certified_x000a_Conditional_x000a_Short Circuit_x000a_Withstand current" dataDxfId="33"/>
  </tableColumns>
  <tableStyleInfo showFirstColumn="0" showLastColumn="0" showRowStripes="0" showColumnStripes="0"/>
</table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table" Target="../tables/table1.xml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table" Target="../tables/table2.xml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table" Target="../tables/table3.xml"/><Relationship Id="rId1" Type="http://schemas.openxmlformats.org/officeDocument/2006/relationships/printerSettings" Target="../printerSettings/printerSettings3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CCD386F-D0BC-49FD-87A4-2FB14B6E6EA7}">
  <dimension ref="A1:H185"/>
  <sheetViews>
    <sheetView workbookViewId="0">
      <selection activeCell="H30" sqref="H30"/>
    </sheetView>
  </sheetViews>
  <sheetFormatPr defaultColWidth="9.1640625" defaultRowHeight="13" x14ac:dyDescent="0.35"/>
  <cols>
    <col min="1" max="1" width="14.83203125" customWidth="1"/>
    <col min="2" max="2" width="21.75" customWidth="1"/>
    <col min="3" max="3" width="13.58203125" customWidth="1"/>
    <col min="4" max="4" width="10.25" customWidth="1"/>
    <col min="5" max="6" width="13" customWidth="1"/>
    <col min="7" max="7" width="13.58203125" customWidth="1"/>
    <col min="8" max="8" width="15.4140625" customWidth="1"/>
    <col min="9" max="9" width="9.4140625" bestFit="1" customWidth="1"/>
  </cols>
  <sheetData>
    <row r="1" spans="1:8" ht="12.75" customHeight="1" x14ac:dyDescent="0.35">
      <c r="A1" s="15" t="s">
        <v>0</v>
      </c>
      <c r="B1" s="16"/>
      <c r="C1" s="16"/>
      <c r="D1" s="16"/>
      <c r="E1" s="16"/>
      <c r="F1" s="16"/>
      <c r="G1" s="16"/>
      <c r="H1" s="16"/>
    </row>
    <row r="2" spans="1:8" x14ac:dyDescent="0.35">
      <c r="A2" s="16"/>
      <c r="B2" s="16"/>
      <c r="C2" s="16"/>
      <c r="D2" s="16"/>
      <c r="E2" s="16"/>
      <c r="F2" s="16"/>
      <c r="G2" s="16"/>
      <c r="H2" s="16"/>
    </row>
    <row r="3" spans="1:8" x14ac:dyDescent="0.35">
      <c r="A3" s="16"/>
      <c r="B3" s="16"/>
      <c r="C3" s="16"/>
      <c r="D3" s="16"/>
      <c r="E3" s="16"/>
      <c r="F3" s="16"/>
      <c r="G3" s="16"/>
      <c r="H3" s="16"/>
    </row>
    <row r="4" spans="1:8" x14ac:dyDescent="0.35">
      <c r="A4" s="16"/>
      <c r="B4" s="16"/>
      <c r="C4" s="16"/>
      <c r="D4" s="16"/>
      <c r="E4" s="16"/>
      <c r="F4" s="16"/>
      <c r="G4" s="16"/>
      <c r="H4" s="16"/>
    </row>
    <row r="5" spans="1:8" x14ac:dyDescent="0.35">
      <c r="A5" s="16"/>
      <c r="B5" s="16"/>
      <c r="C5" s="16"/>
      <c r="D5" s="16"/>
      <c r="E5" s="16"/>
      <c r="F5" s="16"/>
      <c r="G5" s="16"/>
      <c r="H5" s="16"/>
    </row>
    <row r="6" spans="1:8" x14ac:dyDescent="0.35">
      <c r="A6" s="16"/>
      <c r="B6" s="16"/>
      <c r="C6" s="16"/>
      <c r="D6" s="16"/>
      <c r="E6" s="16"/>
      <c r="F6" s="16"/>
      <c r="G6" s="16"/>
      <c r="H6" s="16"/>
    </row>
    <row r="7" spans="1:8" x14ac:dyDescent="0.35">
      <c r="A7" s="16"/>
      <c r="B7" s="16"/>
      <c r="C7" s="16"/>
      <c r="D7" s="16"/>
      <c r="E7" s="16"/>
      <c r="F7" s="16"/>
      <c r="G7" s="16"/>
      <c r="H7" s="16"/>
    </row>
    <row r="8" spans="1:8" x14ac:dyDescent="0.35">
      <c r="A8" s="16"/>
      <c r="B8" s="16"/>
      <c r="C8" s="16"/>
      <c r="D8" s="16"/>
      <c r="E8" s="16"/>
      <c r="F8" s="16"/>
      <c r="G8" s="16"/>
      <c r="H8" s="16"/>
    </row>
    <row r="9" spans="1:8" x14ac:dyDescent="0.35">
      <c r="A9" s="16"/>
      <c r="B9" s="16"/>
      <c r="C9" s="16"/>
      <c r="D9" s="16"/>
      <c r="E9" s="16"/>
      <c r="F9" s="16"/>
      <c r="G9" s="16"/>
      <c r="H9" s="16"/>
    </row>
    <row r="10" spans="1:8" x14ac:dyDescent="0.35">
      <c r="A10" s="16"/>
      <c r="B10" s="16"/>
      <c r="C10" s="16"/>
      <c r="D10" s="16"/>
      <c r="E10" s="16"/>
      <c r="F10" s="16"/>
      <c r="G10" s="16"/>
      <c r="H10" s="16"/>
    </row>
    <row r="11" spans="1:8" x14ac:dyDescent="0.35">
      <c r="A11" s="16"/>
      <c r="B11" s="16"/>
      <c r="C11" s="16"/>
      <c r="D11" s="16"/>
      <c r="E11" s="16"/>
      <c r="F11" s="16"/>
      <c r="G11" s="16"/>
      <c r="H11" s="16"/>
    </row>
    <row r="12" spans="1:8" x14ac:dyDescent="0.35">
      <c r="A12" s="16"/>
      <c r="B12" s="16"/>
      <c r="C12" s="16"/>
      <c r="D12" s="16"/>
      <c r="E12" s="16"/>
      <c r="F12" s="16"/>
      <c r="G12" s="16"/>
      <c r="H12" s="16"/>
    </row>
    <row r="15" spans="1:8" ht="26.5" x14ac:dyDescent="0.65">
      <c r="A15" s="17" t="s">
        <v>1</v>
      </c>
      <c r="B15" s="18"/>
      <c r="C15" s="18"/>
      <c r="D15" s="18"/>
      <c r="E15" s="18"/>
      <c r="F15" s="18"/>
      <c r="G15" s="19"/>
      <c r="H15" s="8"/>
    </row>
    <row r="16" spans="1:8" ht="90" x14ac:dyDescent="0.4">
      <c r="A16" s="9" t="s">
        <v>2</v>
      </c>
      <c r="B16" s="10" t="s">
        <v>3</v>
      </c>
      <c r="C16" s="10" t="s">
        <v>4</v>
      </c>
      <c r="D16" s="10" t="s">
        <v>5</v>
      </c>
      <c r="E16" s="9" t="s">
        <v>6</v>
      </c>
      <c r="F16" s="11" t="s">
        <v>7</v>
      </c>
      <c r="G16" s="9" t="s">
        <v>8</v>
      </c>
      <c r="H16" s="8" t="s">
        <v>9</v>
      </c>
    </row>
    <row r="17" spans="1:8" ht="14.5" x14ac:dyDescent="0.35">
      <c r="A17" s="1" t="s">
        <v>10</v>
      </c>
      <c r="B17" s="2" t="s">
        <v>11</v>
      </c>
      <c r="C17" s="1" t="s">
        <v>12</v>
      </c>
      <c r="D17" s="1" t="s">
        <v>13</v>
      </c>
      <c r="E17" s="3">
        <v>1500</v>
      </c>
      <c r="F17" s="4">
        <v>100</v>
      </c>
      <c r="G17" s="5">
        <v>250</v>
      </c>
      <c r="H17" s="6">
        <v>50</v>
      </c>
    </row>
    <row r="18" spans="1:8" ht="14.5" x14ac:dyDescent="0.35">
      <c r="A18" s="1" t="s">
        <v>10</v>
      </c>
      <c r="B18" s="2" t="s">
        <v>14</v>
      </c>
      <c r="C18" s="1" t="s">
        <v>12</v>
      </c>
      <c r="D18" s="1" t="s">
        <v>13</v>
      </c>
      <c r="E18" s="3">
        <v>1500</v>
      </c>
      <c r="F18" s="4">
        <v>125</v>
      </c>
      <c r="G18" s="5">
        <v>250</v>
      </c>
      <c r="H18" s="6">
        <v>50</v>
      </c>
    </row>
    <row r="19" spans="1:8" ht="14.5" x14ac:dyDescent="0.35">
      <c r="A19" s="1" t="s">
        <v>10</v>
      </c>
      <c r="B19" s="2" t="s">
        <v>15</v>
      </c>
      <c r="C19" s="1" t="s">
        <v>12</v>
      </c>
      <c r="D19" s="1" t="s">
        <v>13</v>
      </c>
      <c r="E19" s="3">
        <v>1500</v>
      </c>
      <c r="F19" s="4">
        <v>160</v>
      </c>
      <c r="G19" s="5">
        <v>250</v>
      </c>
      <c r="H19" s="6">
        <v>50</v>
      </c>
    </row>
    <row r="20" spans="1:8" ht="14.5" x14ac:dyDescent="0.35">
      <c r="A20" s="1" t="s">
        <v>10</v>
      </c>
      <c r="B20" s="2" t="s">
        <v>16</v>
      </c>
      <c r="C20" s="1" t="s">
        <v>12</v>
      </c>
      <c r="D20" s="1" t="s">
        <v>13</v>
      </c>
      <c r="E20" s="3">
        <v>1500</v>
      </c>
      <c r="F20" s="4">
        <v>200</v>
      </c>
      <c r="G20" s="5">
        <v>250</v>
      </c>
      <c r="H20" s="6">
        <v>50</v>
      </c>
    </row>
    <row r="21" spans="1:8" ht="14.5" x14ac:dyDescent="0.35">
      <c r="A21" s="1" t="s">
        <v>10</v>
      </c>
      <c r="B21" s="2" t="s">
        <v>17</v>
      </c>
      <c r="C21" s="1" t="s">
        <v>12</v>
      </c>
      <c r="D21" s="1" t="s">
        <v>13</v>
      </c>
      <c r="E21" s="3">
        <v>1500</v>
      </c>
      <c r="F21" s="4">
        <v>250</v>
      </c>
      <c r="G21" s="5">
        <v>250</v>
      </c>
      <c r="H21" s="6">
        <v>50</v>
      </c>
    </row>
    <row r="22" spans="1:8" ht="14.5" x14ac:dyDescent="0.35">
      <c r="A22" s="1" t="s">
        <v>18</v>
      </c>
      <c r="B22" s="2" t="s">
        <v>19</v>
      </c>
      <c r="C22" s="1" t="s">
        <v>20</v>
      </c>
      <c r="D22" s="1" t="s">
        <v>21</v>
      </c>
      <c r="E22" s="3">
        <v>1500</v>
      </c>
      <c r="F22" s="4">
        <v>100</v>
      </c>
      <c r="G22" s="5">
        <v>100</v>
      </c>
      <c r="H22" s="6">
        <v>50</v>
      </c>
    </row>
    <row r="23" spans="1:8" ht="14.5" x14ac:dyDescent="0.35">
      <c r="A23" s="1" t="s">
        <v>18</v>
      </c>
      <c r="B23" s="2" t="s">
        <v>22</v>
      </c>
      <c r="C23" s="1" t="s">
        <v>20</v>
      </c>
      <c r="D23" s="1" t="s">
        <v>21</v>
      </c>
      <c r="E23" s="3">
        <v>1500</v>
      </c>
      <c r="F23" s="4">
        <v>125</v>
      </c>
      <c r="G23" s="5">
        <v>100</v>
      </c>
      <c r="H23" s="6">
        <v>50</v>
      </c>
    </row>
    <row r="24" spans="1:8" ht="14.5" x14ac:dyDescent="0.35">
      <c r="A24" s="1" t="s">
        <v>18</v>
      </c>
      <c r="B24" s="2" t="s">
        <v>23</v>
      </c>
      <c r="C24" s="1" t="s">
        <v>12</v>
      </c>
      <c r="D24" s="1" t="s">
        <v>21</v>
      </c>
      <c r="E24" s="3">
        <v>1500</v>
      </c>
      <c r="F24" s="4">
        <v>100</v>
      </c>
      <c r="G24" s="5">
        <v>100</v>
      </c>
      <c r="H24" s="6">
        <v>50</v>
      </c>
    </row>
    <row r="25" spans="1:8" ht="14.5" x14ac:dyDescent="0.35">
      <c r="A25" s="1" t="s">
        <v>18</v>
      </c>
      <c r="B25" s="2" t="s">
        <v>24</v>
      </c>
      <c r="C25" s="1" t="s">
        <v>12</v>
      </c>
      <c r="D25" s="1" t="s">
        <v>21</v>
      </c>
      <c r="E25" s="3">
        <v>1500</v>
      </c>
      <c r="F25" s="4">
        <v>125</v>
      </c>
      <c r="G25" s="5">
        <v>100</v>
      </c>
      <c r="H25" s="6">
        <v>50</v>
      </c>
    </row>
    <row r="26" spans="1:8" ht="14.5" x14ac:dyDescent="0.35">
      <c r="A26" s="1" t="s">
        <v>18</v>
      </c>
      <c r="B26" s="2" t="s">
        <v>25</v>
      </c>
      <c r="C26" s="1" t="s">
        <v>12</v>
      </c>
      <c r="D26" s="1" t="s">
        <v>21</v>
      </c>
      <c r="E26" s="3">
        <v>1500</v>
      </c>
      <c r="F26" s="4">
        <v>160</v>
      </c>
      <c r="G26" s="5">
        <v>100</v>
      </c>
      <c r="H26" s="6">
        <v>50</v>
      </c>
    </row>
    <row r="27" spans="1:8" ht="14.5" x14ac:dyDescent="0.35">
      <c r="A27" s="1" t="s">
        <v>18</v>
      </c>
      <c r="B27" s="2" t="s">
        <v>26</v>
      </c>
      <c r="C27" s="1" t="s">
        <v>12</v>
      </c>
      <c r="D27" s="1" t="s">
        <v>21</v>
      </c>
      <c r="E27" s="3">
        <v>1500</v>
      </c>
      <c r="F27" s="4">
        <v>200</v>
      </c>
      <c r="G27" s="5">
        <v>100</v>
      </c>
      <c r="H27" s="6">
        <v>50</v>
      </c>
    </row>
    <row r="28" spans="1:8" ht="14.5" x14ac:dyDescent="0.35">
      <c r="A28" s="1" t="s">
        <v>18</v>
      </c>
      <c r="B28" s="2" t="s">
        <v>27</v>
      </c>
      <c r="C28" s="1" t="s">
        <v>28</v>
      </c>
      <c r="D28" s="1" t="s">
        <v>21</v>
      </c>
      <c r="E28" s="3">
        <v>1500</v>
      </c>
      <c r="F28" s="4">
        <v>100</v>
      </c>
      <c r="G28" s="5">
        <v>100</v>
      </c>
      <c r="H28" s="6">
        <v>50</v>
      </c>
    </row>
    <row r="29" spans="1:8" ht="14.5" x14ac:dyDescent="0.35">
      <c r="A29" s="1" t="s">
        <v>18</v>
      </c>
      <c r="B29" s="2" t="s">
        <v>29</v>
      </c>
      <c r="C29" s="1" t="s">
        <v>28</v>
      </c>
      <c r="D29" s="1" t="s">
        <v>21</v>
      </c>
      <c r="E29" s="3">
        <v>1500</v>
      </c>
      <c r="F29" s="4">
        <v>125</v>
      </c>
      <c r="G29" s="5">
        <v>100</v>
      </c>
      <c r="H29" s="6">
        <v>50</v>
      </c>
    </row>
    <row r="30" spans="1:8" ht="14.5" x14ac:dyDescent="0.35">
      <c r="A30" s="1" t="s">
        <v>18</v>
      </c>
      <c r="B30" s="2" t="s">
        <v>30</v>
      </c>
      <c r="C30" s="1" t="s">
        <v>28</v>
      </c>
      <c r="D30" s="1" t="s">
        <v>21</v>
      </c>
      <c r="E30" s="3">
        <v>1500</v>
      </c>
      <c r="F30" s="4">
        <v>160</v>
      </c>
      <c r="G30" s="5">
        <v>100</v>
      </c>
      <c r="H30" s="6">
        <v>50</v>
      </c>
    </row>
    <row r="31" spans="1:8" ht="14.5" x14ac:dyDescent="0.35">
      <c r="A31" s="1" t="s">
        <v>18</v>
      </c>
      <c r="B31" s="2" t="s">
        <v>31</v>
      </c>
      <c r="C31" s="1" t="s">
        <v>28</v>
      </c>
      <c r="D31" s="1" t="s">
        <v>21</v>
      </c>
      <c r="E31" s="3">
        <v>1500</v>
      </c>
      <c r="F31" s="4">
        <v>180</v>
      </c>
      <c r="G31" s="5">
        <v>100</v>
      </c>
      <c r="H31" s="6">
        <v>50</v>
      </c>
    </row>
    <row r="32" spans="1:8" ht="14.5" x14ac:dyDescent="0.35">
      <c r="A32" s="1" t="s">
        <v>18</v>
      </c>
      <c r="B32" s="2" t="s">
        <v>32</v>
      </c>
      <c r="C32" s="1" t="s">
        <v>28</v>
      </c>
      <c r="D32" s="1" t="s">
        <v>21</v>
      </c>
      <c r="E32" s="3">
        <v>1500</v>
      </c>
      <c r="F32" s="4">
        <v>200</v>
      </c>
      <c r="G32" s="5">
        <v>100</v>
      </c>
      <c r="H32" s="6">
        <v>50</v>
      </c>
    </row>
    <row r="33" spans="1:8" ht="14.5" x14ac:dyDescent="0.35">
      <c r="A33" s="1" t="s">
        <v>18</v>
      </c>
      <c r="B33" s="2" t="s">
        <v>33</v>
      </c>
      <c r="C33" s="1" t="s">
        <v>34</v>
      </c>
      <c r="D33" s="1" t="s">
        <v>21</v>
      </c>
      <c r="E33" s="3">
        <v>1500</v>
      </c>
      <c r="F33" s="4">
        <v>125</v>
      </c>
      <c r="G33" s="5">
        <v>100</v>
      </c>
      <c r="H33" s="6">
        <v>50</v>
      </c>
    </row>
    <row r="34" spans="1:8" ht="14.5" x14ac:dyDescent="0.35">
      <c r="A34" s="1" t="s">
        <v>18</v>
      </c>
      <c r="B34" s="2" t="s">
        <v>35</v>
      </c>
      <c r="C34" s="1" t="s">
        <v>34</v>
      </c>
      <c r="D34" s="1" t="s">
        <v>21</v>
      </c>
      <c r="E34" s="3">
        <v>1500</v>
      </c>
      <c r="F34" s="4">
        <v>160</v>
      </c>
      <c r="G34" s="5">
        <v>100</v>
      </c>
      <c r="H34" s="6">
        <v>50</v>
      </c>
    </row>
    <row r="35" spans="1:8" ht="14.5" x14ac:dyDescent="0.35">
      <c r="A35" s="1" t="s">
        <v>18</v>
      </c>
      <c r="B35" s="2" t="s">
        <v>36</v>
      </c>
      <c r="C35" s="1" t="s">
        <v>34</v>
      </c>
      <c r="D35" s="1" t="s">
        <v>21</v>
      </c>
      <c r="E35" s="3">
        <v>1500</v>
      </c>
      <c r="F35" s="4">
        <v>200</v>
      </c>
      <c r="G35" s="5">
        <v>100</v>
      </c>
      <c r="H35" s="6">
        <v>50</v>
      </c>
    </row>
    <row r="36" spans="1:8" ht="14.5" x14ac:dyDescent="0.35">
      <c r="A36" s="1" t="s">
        <v>18</v>
      </c>
      <c r="B36" s="2" t="s">
        <v>37</v>
      </c>
      <c r="C36" s="1" t="s">
        <v>34</v>
      </c>
      <c r="D36" s="1" t="s">
        <v>21</v>
      </c>
      <c r="E36" s="3">
        <v>1500</v>
      </c>
      <c r="F36" s="4">
        <v>250</v>
      </c>
      <c r="G36" s="5">
        <v>100</v>
      </c>
      <c r="H36" s="6">
        <v>50</v>
      </c>
    </row>
    <row r="37" spans="1:8" ht="14.5" x14ac:dyDescent="0.35">
      <c r="A37" s="1" t="s">
        <v>18</v>
      </c>
      <c r="B37" s="2" t="s">
        <v>38</v>
      </c>
      <c r="C37" s="1" t="s">
        <v>39</v>
      </c>
      <c r="D37" s="1" t="s">
        <v>21</v>
      </c>
      <c r="E37" s="3">
        <v>1500</v>
      </c>
      <c r="F37" s="4">
        <v>250</v>
      </c>
      <c r="G37" s="5">
        <v>170</v>
      </c>
      <c r="H37" s="6">
        <v>50</v>
      </c>
    </row>
    <row r="38" spans="1:8" ht="14.5" x14ac:dyDescent="0.35">
      <c r="A38" s="1" t="s">
        <v>18</v>
      </c>
      <c r="B38" s="2" t="s">
        <v>40</v>
      </c>
      <c r="C38" s="1" t="s">
        <v>41</v>
      </c>
      <c r="D38" s="1" t="s">
        <v>21</v>
      </c>
      <c r="E38" s="3">
        <v>1500</v>
      </c>
      <c r="F38" s="4">
        <v>200</v>
      </c>
      <c r="G38" s="5">
        <v>100</v>
      </c>
      <c r="H38" s="6">
        <v>50</v>
      </c>
    </row>
    <row r="39" spans="1:8" ht="14.5" x14ac:dyDescent="0.35">
      <c r="A39" s="1" t="s">
        <v>18</v>
      </c>
      <c r="B39" s="2" t="s">
        <v>42</v>
      </c>
      <c r="C39" s="1" t="s">
        <v>41</v>
      </c>
      <c r="D39" s="1" t="s">
        <v>21</v>
      </c>
      <c r="E39" s="3">
        <v>1500</v>
      </c>
      <c r="F39" s="4">
        <v>250</v>
      </c>
      <c r="G39" s="5">
        <v>100</v>
      </c>
      <c r="H39" s="6">
        <v>50</v>
      </c>
    </row>
    <row r="40" spans="1:8" ht="14.5" x14ac:dyDescent="0.35">
      <c r="A40" s="1" t="s">
        <v>43</v>
      </c>
      <c r="B40" s="2" t="s">
        <v>44</v>
      </c>
      <c r="C40" s="1">
        <v>72</v>
      </c>
      <c r="D40" s="1" t="s">
        <v>21</v>
      </c>
      <c r="E40" s="3">
        <v>1500</v>
      </c>
      <c r="F40" s="4">
        <v>160</v>
      </c>
      <c r="G40" s="5">
        <v>100</v>
      </c>
      <c r="H40" s="6">
        <v>50</v>
      </c>
    </row>
    <row r="41" spans="1:8" ht="14.5" x14ac:dyDescent="0.35">
      <c r="A41" s="1" t="s">
        <v>43</v>
      </c>
      <c r="B41" s="2" t="s">
        <v>45</v>
      </c>
      <c r="C41" s="1">
        <v>72</v>
      </c>
      <c r="D41" s="1" t="s">
        <v>21</v>
      </c>
      <c r="E41" s="3">
        <v>1500</v>
      </c>
      <c r="F41" s="4">
        <v>200</v>
      </c>
      <c r="G41" s="5">
        <v>100</v>
      </c>
      <c r="H41" s="6">
        <v>50</v>
      </c>
    </row>
    <row r="42" spans="1:8" ht="14.5" x14ac:dyDescent="0.35">
      <c r="A42" s="1" t="s">
        <v>43</v>
      </c>
      <c r="B42" s="2" t="s">
        <v>46</v>
      </c>
      <c r="C42" s="1">
        <v>72</v>
      </c>
      <c r="D42" s="1" t="s">
        <v>21</v>
      </c>
      <c r="E42" s="3">
        <v>1500</v>
      </c>
      <c r="F42" s="4">
        <v>250</v>
      </c>
      <c r="G42" s="5">
        <v>100</v>
      </c>
      <c r="H42" s="6">
        <v>50</v>
      </c>
    </row>
    <row r="43" spans="1:8" ht="14.5" x14ac:dyDescent="0.35">
      <c r="A43" s="1" t="s">
        <v>47</v>
      </c>
      <c r="B43" s="1" t="s">
        <v>48</v>
      </c>
      <c r="C43" s="1" t="s">
        <v>49</v>
      </c>
      <c r="D43" s="1" t="s">
        <v>21</v>
      </c>
      <c r="E43" s="3">
        <v>1500</v>
      </c>
      <c r="F43" s="4">
        <v>100</v>
      </c>
      <c r="G43" s="5">
        <v>250</v>
      </c>
      <c r="H43" s="6">
        <v>50</v>
      </c>
    </row>
    <row r="44" spans="1:8" ht="14.5" x14ac:dyDescent="0.35">
      <c r="A44" s="1" t="s">
        <v>47</v>
      </c>
      <c r="B44" s="1" t="s">
        <v>50</v>
      </c>
      <c r="C44" s="1" t="s">
        <v>49</v>
      </c>
      <c r="D44" s="1" t="s">
        <v>21</v>
      </c>
      <c r="E44" s="3">
        <v>1500</v>
      </c>
      <c r="F44" s="4">
        <v>125</v>
      </c>
      <c r="G44" s="5">
        <v>250</v>
      </c>
      <c r="H44" s="6">
        <v>50</v>
      </c>
    </row>
    <row r="45" spans="1:8" ht="14.5" x14ac:dyDescent="0.35">
      <c r="A45" s="1" t="s">
        <v>47</v>
      </c>
      <c r="B45" s="1" t="s">
        <v>51</v>
      </c>
      <c r="C45" s="1" t="s">
        <v>49</v>
      </c>
      <c r="D45" s="1" t="s">
        <v>21</v>
      </c>
      <c r="E45" s="3">
        <v>1500</v>
      </c>
      <c r="F45" s="4">
        <v>160</v>
      </c>
      <c r="G45" s="5">
        <v>250</v>
      </c>
      <c r="H45" s="6">
        <v>50</v>
      </c>
    </row>
    <row r="46" spans="1:8" ht="14.5" x14ac:dyDescent="0.35">
      <c r="A46" s="1" t="s">
        <v>47</v>
      </c>
      <c r="B46" s="1" t="s">
        <v>52</v>
      </c>
      <c r="C46" s="1" t="s">
        <v>49</v>
      </c>
      <c r="D46" s="1" t="s">
        <v>21</v>
      </c>
      <c r="E46" s="3">
        <v>1500</v>
      </c>
      <c r="F46" s="4">
        <v>200</v>
      </c>
      <c r="G46" s="5">
        <v>250</v>
      </c>
      <c r="H46" s="6">
        <v>50</v>
      </c>
    </row>
    <row r="47" spans="1:8" ht="14.5" x14ac:dyDescent="0.35">
      <c r="A47" s="1" t="s">
        <v>47</v>
      </c>
      <c r="B47" s="1" t="s">
        <v>53</v>
      </c>
      <c r="C47" s="1" t="s">
        <v>49</v>
      </c>
      <c r="D47" s="1" t="s">
        <v>21</v>
      </c>
      <c r="E47" s="3">
        <v>1500</v>
      </c>
      <c r="F47" s="4">
        <v>250</v>
      </c>
      <c r="G47" s="5">
        <v>250</v>
      </c>
      <c r="H47" s="6">
        <v>50</v>
      </c>
    </row>
    <row r="48" spans="1:8" ht="14.5" x14ac:dyDescent="0.35">
      <c r="A48" s="1" t="s">
        <v>43</v>
      </c>
      <c r="B48" s="1" t="s">
        <v>54</v>
      </c>
      <c r="C48" s="1" t="s">
        <v>55</v>
      </c>
      <c r="D48" s="1" t="s">
        <v>56</v>
      </c>
      <c r="E48" s="3">
        <v>1500</v>
      </c>
      <c r="F48" s="4">
        <v>100</v>
      </c>
      <c r="G48" s="5">
        <v>250</v>
      </c>
      <c r="H48" s="6">
        <v>50</v>
      </c>
    </row>
    <row r="49" spans="1:8" ht="14.5" x14ac:dyDescent="0.35">
      <c r="A49" s="1" t="s">
        <v>43</v>
      </c>
      <c r="B49" s="1" t="s">
        <v>57</v>
      </c>
      <c r="C49" s="1" t="s">
        <v>55</v>
      </c>
      <c r="D49" s="1" t="s">
        <v>56</v>
      </c>
      <c r="E49" s="3">
        <v>1500</v>
      </c>
      <c r="F49" s="4">
        <v>125</v>
      </c>
      <c r="G49" s="5">
        <v>250</v>
      </c>
      <c r="H49" s="6">
        <v>50</v>
      </c>
    </row>
    <row r="50" spans="1:8" ht="14.5" x14ac:dyDescent="0.35">
      <c r="A50" s="1" t="s">
        <v>43</v>
      </c>
      <c r="B50" s="2" t="s">
        <v>58</v>
      </c>
      <c r="C50" s="1" t="s">
        <v>55</v>
      </c>
      <c r="D50" s="1" t="s">
        <v>56</v>
      </c>
      <c r="E50" s="3">
        <v>1500</v>
      </c>
      <c r="F50" s="4">
        <v>160</v>
      </c>
      <c r="G50" s="5">
        <v>250</v>
      </c>
      <c r="H50" s="6">
        <v>50</v>
      </c>
    </row>
    <row r="51" spans="1:8" ht="14.5" x14ac:dyDescent="0.35">
      <c r="A51" s="1" t="s">
        <v>43</v>
      </c>
      <c r="B51" s="2" t="s">
        <v>59</v>
      </c>
      <c r="C51" s="1" t="s">
        <v>55</v>
      </c>
      <c r="D51" s="1" t="s">
        <v>56</v>
      </c>
      <c r="E51" s="3">
        <v>1500</v>
      </c>
      <c r="F51" s="4">
        <v>200</v>
      </c>
      <c r="G51" s="5">
        <v>250</v>
      </c>
      <c r="H51" s="6">
        <v>50</v>
      </c>
    </row>
    <row r="52" spans="1:8" ht="14.5" x14ac:dyDescent="0.35">
      <c r="A52" s="1" t="s">
        <v>43</v>
      </c>
      <c r="B52" s="2" t="s">
        <v>60</v>
      </c>
      <c r="C52" s="1" t="s">
        <v>55</v>
      </c>
      <c r="D52" s="1" t="s">
        <v>56</v>
      </c>
      <c r="E52" s="3">
        <v>1500</v>
      </c>
      <c r="F52" s="4">
        <v>250</v>
      </c>
      <c r="G52" s="5">
        <v>250</v>
      </c>
      <c r="H52" s="6">
        <v>50</v>
      </c>
    </row>
    <row r="53" spans="1:8" ht="14.5" x14ac:dyDescent="0.35">
      <c r="A53" s="1" t="s">
        <v>43</v>
      </c>
      <c r="B53" s="2" t="s">
        <v>61</v>
      </c>
      <c r="C53" s="1" t="s">
        <v>55</v>
      </c>
      <c r="D53" s="1" t="s">
        <v>56</v>
      </c>
      <c r="E53" s="3">
        <v>1500</v>
      </c>
      <c r="F53" s="4">
        <v>200</v>
      </c>
      <c r="G53" s="5">
        <v>250</v>
      </c>
      <c r="H53" s="6">
        <v>50</v>
      </c>
    </row>
    <row r="54" spans="1:8" ht="14.5" x14ac:dyDescent="0.35">
      <c r="A54" s="1" t="s">
        <v>43</v>
      </c>
      <c r="B54" s="2" t="s">
        <v>62</v>
      </c>
      <c r="C54" s="1" t="s">
        <v>55</v>
      </c>
      <c r="D54" s="1" t="s">
        <v>56</v>
      </c>
      <c r="E54" s="3">
        <v>1500</v>
      </c>
      <c r="F54" s="4">
        <v>250</v>
      </c>
      <c r="G54" s="5">
        <v>250</v>
      </c>
      <c r="H54" s="6">
        <v>50</v>
      </c>
    </row>
    <row r="55" spans="1:8" ht="14.5" x14ac:dyDescent="0.35">
      <c r="A55" s="1" t="s">
        <v>63</v>
      </c>
      <c r="B55" s="2" t="s">
        <v>64</v>
      </c>
      <c r="C55" s="1" t="s">
        <v>12</v>
      </c>
      <c r="D55" s="1" t="s">
        <v>65</v>
      </c>
      <c r="E55" s="3">
        <v>1500</v>
      </c>
      <c r="F55" s="4">
        <v>100</v>
      </c>
      <c r="G55" s="5">
        <v>100</v>
      </c>
      <c r="H55" s="6">
        <v>50</v>
      </c>
    </row>
    <row r="56" spans="1:8" ht="14.5" x14ac:dyDescent="0.35">
      <c r="A56" s="1" t="s">
        <v>63</v>
      </c>
      <c r="B56" s="2" t="s">
        <v>66</v>
      </c>
      <c r="C56" s="1" t="s">
        <v>12</v>
      </c>
      <c r="D56" s="1" t="s">
        <v>65</v>
      </c>
      <c r="E56" s="3">
        <v>1500</v>
      </c>
      <c r="F56" s="4">
        <v>125</v>
      </c>
      <c r="G56" s="5">
        <v>100</v>
      </c>
      <c r="H56" s="6">
        <v>50</v>
      </c>
    </row>
    <row r="57" spans="1:8" ht="14.5" x14ac:dyDescent="0.35">
      <c r="A57" s="1" t="s">
        <v>63</v>
      </c>
      <c r="B57" s="2" t="s">
        <v>67</v>
      </c>
      <c r="C57" s="1" t="s">
        <v>12</v>
      </c>
      <c r="D57" s="1" t="s">
        <v>65</v>
      </c>
      <c r="E57" s="3">
        <v>1500</v>
      </c>
      <c r="F57" s="4">
        <v>160</v>
      </c>
      <c r="G57" s="5">
        <v>100</v>
      </c>
      <c r="H57" s="6">
        <v>50</v>
      </c>
    </row>
    <row r="58" spans="1:8" ht="14.5" x14ac:dyDescent="0.35">
      <c r="A58" s="1" t="s">
        <v>63</v>
      </c>
      <c r="B58" s="2" t="s">
        <v>68</v>
      </c>
      <c r="C58" s="1" t="s">
        <v>12</v>
      </c>
      <c r="D58" s="1" t="s">
        <v>65</v>
      </c>
      <c r="E58" s="3">
        <v>1500</v>
      </c>
      <c r="F58" s="4">
        <v>200</v>
      </c>
      <c r="G58" s="5">
        <v>100</v>
      </c>
      <c r="H58" s="6">
        <v>50</v>
      </c>
    </row>
    <row r="59" spans="1:8" ht="14.5" x14ac:dyDescent="0.35">
      <c r="A59" s="1" t="s">
        <v>63</v>
      </c>
      <c r="B59" s="2" t="s">
        <v>69</v>
      </c>
      <c r="C59" s="1" t="s">
        <v>70</v>
      </c>
      <c r="D59" s="1" t="s">
        <v>65</v>
      </c>
      <c r="E59" s="3">
        <v>1500</v>
      </c>
      <c r="F59" s="4">
        <v>200</v>
      </c>
      <c r="G59" s="5">
        <v>100</v>
      </c>
      <c r="H59" s="6">
        <v>50</v>
      </c>
    </row>
    <row r="60" spans="1:8" ht="14.5" x14ac:dyDescent="0.35">
      <c r="A60" s="1" t="s">
        <v>63</v>
      </c>
      <c r="B60" s="2" t="s">
        <v>71</v>
      </c>
      <c r="C60" s="1" t="s">
        <v>70</v>
      </c>
      <c r="D60" s="1" t="s">
        <v>65</v>
      </c>
      <c r="E60" s="3">
        <v>1500</v>
      </c>
      <c r="F60" s="4">
        <v>250</v>
      </c>
      <c r="G60" s="5">
        <v>100</v>
      </c>
      <c r="H60" s="6">
        <v>50</v>
      </c>
    </row>
    <row r="61" spans="1:8" ht="14.5" x14ac:dyDescent="0.35">
      <c r="A61" s="1" t="s">
        <v>43</v>
      </c>
      <c r="B61" s="2" t="s">
        <v>72</v>
      </c>
      <c r="C61" s="1" t="s">
        <v>12</v>
      </c>
      <c r="D61" s="1" t="s">
        <v>65</v>
      </c>
      <c r="E61" s="3">
        <v>1500</v>
      </c>
      <c r="F61" s="4">
        <v>100</v>
      </c>
      <c r="G61" s="5">
        <v>50</v>
      </c>
      <c r="H61" s="6">
        <v>50</v>
      </c>
    </row>
    <row r="62" spans="1:8" ht="14.5" x14ac:dyDescent="0.35">
      <c r="A62" s="1" t="s">
        <v>43</v>
      </c>
      <c r="B62" s="2" t="s">
        <v>73</v>
      </c>
      <c r="C62" s="1" t="s">
        <v>12</v>
      </c>
      <c r="D62" s="1" t="s">
        <v>65</v>
      </c>
      <c r="E62" s="3">
        <v>1500</v>
      </c>
      <c r="F62" s="4">
        <v>125</v>
      </c>
      <c r="G62" s="5">
        <v>50</v>
      </c>
      <c r="H62" s="6">
        <v>50</v>
      </c>
    </row>
    <row r="63" spans="1:8" ht="14.5" x14ac:dyDescent="0.35">
      <c r="A63" s="1" t="s">
        <v>43</v>
      </c>
      <c r="B63" s="2" t="s">
        <v>74</v>
      </c>
      <c r="C63" s="1" t="s">
        <v>70</v>
      </c>
      <c r="D63" s="1" t="s">
        <v>65</v>
      </c>
      <c r="E63" s="3">
        <v>1500</v>
      </c>
      <c r="F63" s="4">
        <v>125</v>
      </c>
      <c r="G63" s="5">
        <v>50</v>
      </c>
      <c r="H63" s="6">
        <v>50</v>
      </c>
    </row>
    <row r="64" spans="1:8" ht="14.5" x14ac:dyDescent="0.35">
      <c r="A64" s="1" t="s">
        <v>43</v>
      </c>
      <c r="B64" s="2" t="s">
        <v>75</v>
      </c>
      <c r="C64" s="1" t="s">
        <v>70</v>
      </c>
      <c r="D64" s="1" t="s">
        <v>65</v>
      </c>
      <c r="E64" s="3">
        <v>1500</v>
      </c>
      <c r="F64" s="4">
        <v>160</v>
      </c>
      <c r="G64" s="5">
        <v>50</v>
      </c>
      <c r="H64" s="6">
        <v>50</v>
      </c>
    </row>
    <row r="65" spans="1:8" ht="14.5" x14ac:dyDescent="0.35">
      <c r="A65" s="1" t="s">
        <v>43</v>
      </c>
      <c r="B65" s="2" t="s">
        <v>76</v>
      </c>
      <c r="C65" s="1" t="s">
        <v>70</v>
      </c>
      <c r="D65" s="1" t="s">
        <v>65</v>
      </c>
      <c r="E65" s="3">
        <v>1500</v>
      </c>
      <c r="F65" s="4">
        <v>200</v>
      </c>
      <c r="G65" s="5">
        <v>50</v>
      </c>
      <c r="H65" s="6">
        <v>50</v>
      </c>
    </row>
    <row r="66" spans="1:8" ht="14.5" x14ac:dyDescent="0.35">
      <c r="A66" s="1" t="s">
        <v>43</v>
      </c>
      <c r="B66" s="2" t="s">
        <v>77</v>
      </c>
      <c r="C66" s="1" t="s">
        <v>70</v>
      </c>
      <c r="D66" s="1" t="s">
        <v>65</v>
      </c>
      <c r="E66" s="3">
        <v>1500</v>
      </c>
      <c r="F66" s="4">
        <v>250</v>
      </c>
      <c r="G66" s="5">
        <v>50</v>
      </c>
      <c r="H66" s="6">
        <v>50</v>
      </c>
    </row>
    <row r="67" spans="1:8" ht="14.5" x14ac:dyDescent="0.35">
      <c r="A67" s="1" t="s">
        <v>43</v>
      </c>
      <c r="B67" s="2" t="s">
        <v>78</v>
      </c>
      <c r="C67" s="1" t="s">
        <v>41</v>
      </c>
      <c r="D67" s="1" t="s">
        <v>65</v>
      </c>
      <c r="E67" s="3">
        <v>1500</v>
      </c>
      <c r="F67" s="4">
        <v>160</v>
      </c>
      <c r="G67" s="5">
        <v>150</v>
      </c>
      <c r="H67" s="6">
        <v>50</v>
      </c>
    </row>
    <row r="68" spans="1:8" ht="14.5" x14ac:dyDescent="0.35">
      <c r="A68" s="1" t="s">
        <v>43</v>
      </c>
      <c r="B68" s="2" t="s">
        <v>79</v>
      </c>
      <c r="C68" s="1" t="s">
        <v>41</v>
      </c>
      <c r="D68" s="1" t="s">
        <v>65</v>
      </c>
      <c r="E68" s="3">
        <v>1500</v>
      </c>
      <c r="F68" s="4">
        <v>200</v>
      </c>
      <c r="G68" s="5">
        <v>150</v>
      </c>
      <c r="H68" s="6">
        <v>50</v>
      </c>
    </row>
    <row r="69" spans="1:8" ht="14.5" x14ac:dyDescent="0.35">
      <c r="A69" s="1" t="s">
        <v>43</v>
      </c>
      <c r="B69" s="2" t="s">
        <v>80</v>
      </c>
      <c r="C69" s="1" t="s">
        <v>41</v>
      </c>
      <c r="D69" s="1" t="s">
        <v>65</v>
      </c>
      <c r="E69" s="3">
        <v>1500</v>
      </c>
      <c r="F69" s="4">
        <v>250</v>
      </c>
      <c r="G69" s="5">
        <v>150</v>
      </c>
      <c r="H69" s="6">
        <v>50</v>
      </c>
    </row>
    <row r="70" spans="1:8" ht="14.5" x14ac:dyDescent="0.35">
      <c r="A70" s="1" t="s">
        <v>81</v>
      </c>
      <c r="B70" s="1" t="s">
        <v>82</v>
      </c>
      <c r="C70" s="1" t="s">
        <v>83</v>
      </c>
      <c r="D70" s="1" t="s">
        <v>65</v>
      </c>
      <c r="E70" s="3">
        <v>1500</v>
      </c>
      <c r="F70" s="4">
        <v>250</v>
      </c>
      <c r="G70" s="5">
        <v>100</v>
      </c>
      <c r="H70" s="6">
        <v>50</v>
      </c>
    </row>
    <row r="71" spans="1:8" ht="14.5" x14ac:dyDescent="0.35">
      <c r="A71" s="1" t="s">
        <v>81</v>
      </c>
      <c r="B71" s="2" t="s">
        <v>84</v>
      </c>
      <c r="C71" s="1" t="s">
        <v>85</v>
      </c>
      <c r="D71" s="1" t="s">
        <v>65</v>
      </c>
      <c r="E71" s="3">
        <v>1000</v>
      </c>
      <c r="F71" s="4">
        <v>100</v>
      </c>
      <c r="G71" s="5">
        <v>100</v>
      </c>
      <c r="H71" s="6">
        <v>50</v>
      </c>
    </row>
    <row r="72" spans="1:8" ht="14.5" x14ac:dyDescent="0.35">
      <c r="A72" s="1" t="s">
        <v>81</v>
      </c>
      <c r="B72" s="2" t="s">
        <v>86</v>
      </c>
      <c r="C72" s="1" t="s">
        <v>85</v>
      </c>
      <c r="D72" s="1" t="s">
        <v>65</v>
      </c>
      <c r="E72" s="3">
        <v>1000</v>
      </c>
      <c r="F72" s="4">
        <v>125</v>
      </c>
      <c r="G72" s="5">
        <v>100</v>
      </c>
      <c r="H72" s="6">
        <v>50</v>
      </c>
    </row>
    <row r="73" spans="1:8" ht="14.5" x14ac:dyDescent="0.35">
      <c r="A73" s="1" t="s">
        <v>81</v>
      </c>
      <c r="B73" s="2" t="s">
        <v>87</v>
      </c>
      <c r="C73" s="1" t="s">
        <v>85</v>
      </c>
      <c r="D73" s="1" t="s">
        <v>65</v>
      </c>
      <c r="E73" s="3">
        <v>1000</v>
      </c>
      <c r="F73" s="4">
        <v>160</v>
      </c>
      <c r="G73" s="5">
        <v>100</v>
      </c>
      <c r="H73" s="6">
        <v>50</v>
      </c>
    </row>
    <row r="74" spans="1:8" ht="14.5" x14ac:dyDescent="0.35">
      <c r="A74" s="1" t="s">
        <v>81</v>
      </c>
      <c r="B74" s="2" t="s">
        <v>88</v>
      </c>
      <c r="C74" s="1" t="s">
        <v>85</v>
      </c>
      <c r="D74" s="1" t="s">
        <v>65</v>
      </c>
      <c r="E74" s="3">
        <v>1000</v>
      </c>
      <c r="F74" s="4">
        <v>200</v>
      </c>
      <c r="G74" s="5">
        <v>100</v>
      </c>
      <c r="H74" s="6">
        <v>50</v>
      </c>
    </row>
    <row r="75" spans="1:8" ht="14.5" x14ac:dyDescent="0.35">
      <c r="A75" s="1" t="s">
        <v>81</v>
      </c>
      <c r="B75" s="2" t="s">
        <v>89</v>
      </c>
      <c r="C75" s="1" t="s">
        <v>90</v>
      </c>
      <c r="D75" s="1" t="s">
        <v>65</v>
      </c>
      <c r="E75" s="3">
        <v>1000</v>
      </c>
      <c r="F75" s="4">
        <v>160</v>
      </c>
      <c r="G75" s="5">
        <v>100</v>
      </c>
      <c r="H75" s="6">
        <v>50</v>
      </c>
    </row>
    <row r="76" spans="1:8" ht="14.5" x14ac:dyDescent="0.35">
      <c r="A76" s="1" t="s">
        <v>81</v>
      </c>
      <c r="B76" s="2" t="s">
        <v>91</v>
      </c>
      <c r="C76" s="1" t="s">
        <v>90</v>
      </c>
      <c r="D76" s="1" t="s">
        <v>65</v>
      </c>
      <c r="E76" s="3">
        <v>1000</v>
      </c>
      <c r="F76" s="4">
        <v>200</v>
      </c>
      <c r="G76" s="5">
        <v>100</v>
      </c>
      <c r="H76" s="6">
        <v>50</v>
      </c>
    </row>
    <row r="77" spans="1:8" ht="14.5" x14ac:dyDescent="0.35">
      <c r="A77" s="1" t="s">
        <v>81</v>
      </c>
      <c r="B77" s="1" t="s">
        <v>92</v>
      </c>
      <c r="C77" s="1" t="s">
        <v>90</v>
      </c>
      <c r="D77" s="1" t="s">
        <v>65</v>
      </c>
      <c r="E77" s="3">
        <v>1000</v>
      </c>
      <c r="F77" s="4">
        <v>250</v>
      </c>
      <c r="G77" s="5">
        <v>100</v>
      </c>
      <c r="H77" s="6">
        <v>50</v>
      </c>
    </row>
    <row r="78" spans="1:8" ht="14.5" x14ac:dyDescent="0.35">
      <c r="A78" s="1" t="s">
        <v>43</v>
      </c>
      <c r="B78" s="1" t="s">
        <v>93</v>
      </c>
      <c r="C78" s="1" t="s">
        <v>85</v>
      </c>
      <c r="D78" s="1" t="s">
        <v>65</v>
      </c>
      <c r="E78" s="3">
        <v>1000</v>
      </c>
      <c r="F78" s="4">
        <v>100</v>
      </c>
      <c r="G78" s="5">
        <v>50</v>
      </c>
      <c r="H78" s="6">
        <v>50</v>
      </c>
    </row>
    <row r="79" spans="1:8" ht="14.5" x14ac:dyDescent="0.35">
      <c r="A79" s="1" t="s">
        <v>43</v>
      </c>
      <c r="B79" s="1" t="s">
        <v>94</v>
      </c>
      <c r="C79" s="1" t="s">
        <v>85</v>
      </c>
      <c r="D79" s="1" t="s">
        <v>65</v>
      </c>
      <c r="E79" s="3">
        <v>1000</v>
      </c>
      <c r="F79" s="4">
        <v>125</v>
      </c>
      <c r="G79" s="5">
        <v>50</v>
      </c>
      <c r="H79" s="6">
        <v>50</v>
      </c>
    </row>
    <row r="80" spans="1:8" ht="14.5" x14ac:dyDescent="0.35">
      <c r="A80" s="1" t="s">
        <v>43</v>
      </c>
      <c r="B80" s="1" t="s">
        <v>95</v>
      </c>
      <c r="C80" s="1" t="s">
        <v>85</v>
      </c>
      <c r="D80" s="1" t="s">
        <v>65</v>
      </c>
      <c r="E80" s="3">
        <v>1000</v>
      </c>
      <c r="F80" s="4">
        <v>160</v>
      </c>
      <c r="G80" s="5">
        <v>50</v>
      </c>
      <c r="H80" s="6">
        <v>50</v>
      </c>
    </row>
    <row r="81" spans="1:8" ht="14.5" x14ac:dyDescent="0.35">
      <c r="A81" s="1" t="s">
        <v>43</v>
      </c>
      <c r="B81" s="1" t="s">
        <v>96</v>
      </c>
      <c r="C81" s="1" t="s">
        <v>90</v>
      </c>
      <c r="D81" s="1" t="s">
        <v>65</v>
      </c>
      <c r="E81" s="3">
        <v>1000</v>
      </c>
      <c r="F81" s="4">
        <v>200</v>
      </c>
      <c r="G81" s="5">
        <v>50</v>
      </c>
      <c r="H81" s="6">
        <v>50</v>
      </c>
    </row>
    <row r="82" spans="1:8" ht="14.5" x14ac:dyDescent="0.35">
      <c r="A82" s="1" t="s">
        <v>43</v>
      </c>
      <c r="B82" s="2" t="s">
        <v>97</v>
      </c>
      <c r="C82" s="1" t="s">
        <v>90</v>
      </c>
      <c r="D82" s="1" t="s">
        <v>65</v>
      </c>
      <c r="E82" s="3">
        <v>1000</v>
      </c>
      <c r="F82" s="4">
        <v>250</v>
      </c>
      <c r="G82" s="5">
        <v>50</v>
      </c>
      <c r="H82" s="6">
        <v>50</v>
      </c>
    </row>
    <row r="83" spans="1:8" ht="14.5" x14ac:dyDescent="0.35">
      <c r="A83" s="1" t="s">
        <v>63</v>
      </c>
      <c r="B83" s="2" t="s">
        <v>98</v>
      </c>
      <c r="C83" s="1" t="s">
        <v>99</v>
      </c>
      <c r="D83" s="1" t="s">
        <v>100</v>
      </c>
      <c r="E83" s="3">
        <v>1500</v>
      </c>
      <c r="F83" s="4">
        <v>100</v>
      </c>
      <c r="G83" s="5">
        <v>30</v>
      </c>
      <c r="H83" s="6">
        <v>30</v>
      </c>
    </row>
    <row r="84" spans="1:8" ht="14.5" x14ac:dyDescent="0.35">
      <c r="A84" s="1" t="s">
        <v>63</v>
      </c>
      <c r="B84" s="2" t="s">
        <v>101</v>
      </c>
      <c r="C84" s="1" t="s">
        <v>99</v>
      </c>
      <c r="D84" s="1" t="s">
        <v>100</v>
      </c>
      <c r="E84" s="3">
        <v>1500</v>
      </c>
      <c r="F84" s="4">
        <v>125</v>
      </c>
      <c r="G84" s="5">
        <v>30</v>
      </c>
      <c r="H84" s="6">
        <v>30</v>
      </c>
    </row>
    <row r="85" spans="1:8" ht="14.5" x14ac:dyDescent="0.35">
      <c r="A85" s="1" t="s">
        <v>63</v>
      </c>
      <c r="B85" s="2" t="s">
        <v>102</v>
      </c>
      <c r="C85" s="1" t="s">
        <v>99</v>
      </c>
      <c r="D85" s="1" t="s">
        <v>100</v>
      </c>
      <c r="E85" s="3">
        <v>1500</v>
      </c>
      <c r="F85" s="4">
        <v>160</v>
      </c>
      <c r="G85" s="5">
        <v>30</v>
      </c>
      <c r="H85" s="6">
        <v>30</v>
      </c>
    </row>
    <row r="86" spans="1:8" ht="14.5" x14ac:dyDescent="0.35">
      <c r="A86" s="1" t="s">
        <v>63</v>
      </c>
      <c r="B86" s="2" t="s">
        <v>103</v>
      </c>
      <c r="C86" s="1" t="s">
        <v>12</v>
      </c>
      <c r="D86" s="1" t="s">
        <v>100</v>
      </c>
      <c r="E86" s="3">
        <v>1500</v>
      </c>
      <c r="F86" s="4">
        <v>100</v>
      </c>
      <c r="G86" s="5">
        <v>30</v>
      </c>
      <c r="H86" s="6">
        <v>30</v>
      </c>
    </row>
    <row r="87" spans="1:8" ht="14.5" x14ac:dyDescent="0.35">
      <c r="A87" s="1" t="s">
        <v>63</v>
      </c>
      <c r="B87" s="2" t="s">
        <v>104</v>
      </c>
      <c r="C87" s="1" t="s">
        <v>12</v>
      </c>
      <c r="D87" s="1" t="s">
        <v>100</v>
      </c>
      <c r="E87" s="3">
        <v>1500</v>
      </c>
      <c r="F87" s="4">
        <v>125</v>
      </c>
      <c r="G87" s="5">
        <v>30</v>
      </c>
      <c r="H87" s="6">
        <v>30</v>
      </c>
    </row>
    <row r="88" spans="1:8" ht="14.5" x14ac:dyDescent="0.35">
      <c r="A88" s="1" t="s">
        <v>63</v>
      </c>
      <c r="B88" s="2" t="s">
        <v>105</v>
      </c>
      <c r="C88" s="1" t="s">
        <v>12</v>
      </c>
      <c r="D88" s="1" t="s">
        <v>100</v>
      </c>
      <c r="E88" s="3">
        <v>1500</v>
      </c>
      <c r="F88" s="4">
        <v>160</v>
      </c>
      <c r="G88" s="5">
        <v>30</v>
      </c>
      <c r="H88" s="6">
        <v>30</v>
      </c>
    </row>
    <row r="89" spans="1:8" ht="14.5" x14ac:dyDescent="0.35">
      <c r="A89" s="1" t="s">
        <v>63</v>
      </c>
      <c r="B89" s="2" t="s">
        <v>106</v>
      </c>
      <c r="C89" s="1" t="s">
        <v>12</v>
      </c>
      <c r="D89" s="1" t="s">
        <v>100</v>
      </c>
      <c r="E89" s="3">
        <v>1500</v>
      </c>
      <c r="F89" s="4">
        <v>200</v>
      </c>
      <c r="G89" s="5">
        <v>30</v>
      </c>
      <c r="H89" s="6">
        <v>30</v>
      </c>
    </row>
    <row r="90" spans="1:8" ht="14.5" x14ac:dyDescent="0.35">
      <c r="A90" s="1" t="s">
        <v>63</v>
      </c>
      <c r="B90" s="2" t="s">
        <v>107</v>
      </c>
      <c r="C90" s="1" t="s">
        <v>70</v>
      </c>
      <c r="D90" s="1" t="s">
        <v>100</v>
      </c>
      <c r="E90" s="3">
        <v>1500</v>
      </c>
      <c r="F90" s="4">
        <v>200</v>
      </c>
      <c r="G90" s="5">
        <v>30</v>
      </c>
      <c r="H90" s="6">
        <v>30</v>
      </c>
    </row>
    <row r="91" spans="1:8" ht="14.5" x14ac:dyDescent="0.35">
      <c r="A91" s="1" t="s">
        <v>63</v>
      </c>
      <c r="B91" s="2" t="s">
        <v>108</v>
      </c>
      <c r="C91" s="1" t="s">
        <v>70</v>
      </c>
      <c r="D91" s="1" t="s">
        <v>100</v>
      </c>
      <c r="E91" s="3">
        <v>1500</v>
      </c>
      <c r="F91" s="4">
        <v>250</v>
      </c>
      <c r="G91" s="5">
        <v>30</v>
      </c>
      <c r="H91" s="6">
        <v>30</v>
      </c>
    </row>
    <row r="92" spans="1:8" ht="14.5" x14ac:dyDescent="0.35">
      <c r="A92" s="1" t="s">
        <v>18</v>
      </c>
      <c r="B92" s="2" t="s">
        <v>109</v>
      </c>
      <c r="C92" s="1" t="s">
        <v>12</v>
      </c>
      <c r="D92" s="1" t="s">
        <v>100</v>
      </c>
      <c r="E92" s="3">
        <v>1500</v>
      </c>
      <c r="F92" s="4">
        <v>100</v>
      </c>
      <c r="G92" s="5">
        <v>100</v>
      </c>
      <c r="H92" s="6">
        <v>50</v>
      </c>
    </row>
    <row r="93" spans="1:8" ht="14.5" x14ac:dyDescent="0.35">
      <c r="A93" s="1" t="s">
        <v>18</v>
      </c>
      <c r="B93" s="7" t="s">
        <v>110</v>
      </c>
      <c r="C93" s="1" t="s">
        <v>12</v>
      </c>
      <c r="D93" s="1" t="s">
        <v>100</v>
      </c>
      <c r="E93" s="3">
        <v>1500</v>
      </c>
      <c r="F93" s="4">
        <v>125</v>
      </c>
      <c r="G93" s="5">
        <v>100</v>
      </c>
      <c r="H93" s="6">
        <v>50</v>
      </c>
    </row>
    <row r="94" spans="1:8" ht="14.5" x14ac:dyDescent="0.35">
      <c r="A94" s="1" t="s">
        <v>18</v>
      </c>
      <c r="B94" s="7" t="s">
        <v>111</v>
      </c>
      <c r="C94" s="1" t="s">
        <v>12</v>
      </c>
      <c r="D94" s="1" t="s">
        <v>100</v>
      </c>
      <c r="E94" s="3">
        <v>1500</v>
      </c>
      <c r="F94" s="4">
        <v>160</v>
      </c>
      <c r="G94" s="5">
        <v>100</v>
      </c>
      <c r="H94" s="6">
        <v>50</v>
      </c>
    </row>
    <row r="95" spans="1:8" ht="14.5" x14ac:dyDescent="0.35">
      <c r="A95" s="1" t="s">
        <v>18</v>
      </c>
      <c r="B95" s="7" t="s">
        <v>112</v>
      </c>
      <c r="C95" s="1" t="s">
        <v>12</v>
      </c>
      <c r="D95" s="1" t="s">
        <v>100</v>
      </c>
      <c r="E95" s="3">
        <v>1500</v>
      </c>
      <c r="F95" s="4">
        <v>200</v>
      </c>
      <c r="G95" s="5">
        <v>100</v>
      </c>
      <c r="H95" s="6">
        <v>50</v>
      </c>
    </row>
    <row r="96" spans="1:8" ht="14.5" x14ac:dyDescent="0.35">
      <c r="A96" s="1" t="s">
        <v>18</v>
      </c>
      <c r="B96" s="7" t="s">
        <v>113</v>
      </c>
      <c r="C96" s="1" t="s">
        <v>70</v>
      </c>
      <c r="D96" s="1" t="s">
        <v>100</v>
      </c>
      <c r="E96" s="3">
        <v>1500</v>
      </c>
      <c r="F96" s="4">
        <v>160</v>
      </c>
      <c r="G96" s="5">
        <v>50</v>
      </c>
      <c r="H96" s="6">
        <v>50</v>
      </c>
    </row>
    <row r="97" spans="1:8" ht="14.5" x14ac:dyDescent="0.35">
      <c r="A97" s="1" t="s">
        <v>18</v>
      </c>
      <c r="B97" s="7" t="s">
        <v>114</v>
      </c>
      <c r="C97" s="1" t="s">
        <v>70</v>
      </c>
      <c r="D97" s="1" t="s">
        <v>100</v>
      </c>
      <c r="E97" s="3">
        <v>1500</v>
      </c>
      <c r="F97" s="4">
        <v>200</v>
      </c>
      <c r="G97" s="5">
        <v>50</v>
      </c>
      <c r="H97" s="6">
        <v>50</v>
      </c>
    </row>
    <row r="98" spans="1:8" ht="14.5" x14ac:dyDescent="0.35">
      <c r="A98" s="1" t="s">
        <v>18</v>
      </c>
      <c r="B98" s="7" t="s">
        <v>115</v>
      </c>
      <c r="C98" s="1" t="s">
        <v>70</v>
      </c>
      <c r="D98" s="1" t="s">
        <v>100</v>
      </c>
      <c r="E98" s="3">
        <v>1500</v>
      </c>
      <c r="F98" s="4">
        <v>250</v>
      </c>
      <c r="G98" s="5">
        <v>50</v>
      </c>
      <c r="H98" s="6">
        <v>50</v>
      </c>
    </row>
    <row r="99" spans="1:8" ht="14.5" x14ac:dyDescent="0.35">
      <c r="A99" s="1" t="s">
        <v>18</v>
      </c>
      <c r="B99" s="7" t="s">
        <v>116</v>
      </c>
      <c r="C99" s="1" t="s">
        <v>41</v>
      </c>
      <c r="D99" s="1" t="s">
        <v>100</v>
      </c>
      <c r="E99" s="3">
        <v>1500</v>
      </c>
      <c r="F99" s="4">
        <v>200</v>
      </c>
      <c r="G99" s="5">
        <v>100</v>
      </c>
      <c r="H99" s="6">
        <v>50</v>
      </c>
    </row>
    <row r="100" spans="1:8" ht="14.5" x14ac:dyDescent="0.35">
      <c r="A100" s="1" t="s">
        <v>18</v>
      </c>
      <c r="B100" s="7" t="s">
        <v>117</v>
      </c>
      <c r="C100" s="1" t="s">
        <v>41</v>
      </c>
      <c r="D100" s="1" t="s">
        <v>100</v>
      </c>
      <c r="E100" s="3">
        <v>1500</v>
      </c>
      <c r="F100" s="4">
        <v>250</v>
      </c>
      <c r="G100" s="5">
        <v>100</v>
      </c>
      <c r="H100" s="6">
        <v>50</v>
      </c>
    </row>
    <row r="101" spans="1:8" ht="14.5" x14ac:dyDescent="0.35">
      <c r="A101" s="1" t="s">
        <v>43</v>
      </c>
      <c r="B101" s="7" t="s">
        <v>118</v>
      </c>
      <c r="C101" s="1" t="s">
        <v>119</v>
      </c>
      <c r="D101" s="1" t="s">
        <v>100</v>
      </c>
      <c r="E101" s="3">
        <v>1500</v>
      </c>
      <c r="F101" s="4">
        <v>100</v>
      </c>
      <c r="G101" s="5">
        <v>50</v>
      </c>
      <c r="H101" s="6">
        <v>50</v>
      </c>
    </row>
    <row r="102" spans="1:8" ht="14.5" x14ac:dyDescent="0.35">
      <c r="A102" s="1" t="s">
        <v>43</v>
      </c>
      <c r="B102" s="7" t="s">
        <v>120</v>
      </c>
      <c r="C102" s="1" t="s">
        <v>119</v>
      </c>
      <c r="D102" s="1" t="s">
        <v>100</v>
      </c>
      <c r="E102" s="3">
        <v>1500</v>
      </c>
      <c r="F102" s="4">
        <v>125</v>
      </c>
      <c r="G102" s="5">
        <v>50</v>
      </c>
      <c r="H102" s="6">
        <v>50</v>
      </c>
    </row>
    <row r="103" spans="1:8" ht="14.5" x14ac:dyDescent="0.35">
      <c r="A103" s="1" t="s">
        <v>43</v>
      </c>
      <c r="B103" s="7" t="s">
        <v>121</v>
      </c>
      <c r="C103" s="1" t="s">
        <v>122</v>
      </c>
      <c r="D103" s="1" t="s">
        <v>100</v>
      </c>
      <c r="E103" s="3">
        <v>1500</v>
      </c>
      <c r="F103" s="4">
        <v>125</v>
      </c>
      <c r="G103" s="5">
        <v>50</v>
      </c>
      <c r="H103" s="6">
        <v>50</v>
      </c>
    </row>
    <row r="104" spans="1:8" ht="14.5" x14ac:dyDescent="0.35">
      <c r="A104" s="1" t="s">
        <v>43</v>
      </c>
      <c r="B104" s="7" t="s">
        <v>123</v>
      </c>
      <c r="C104" s="1" t="s">
        <v>122</v>
      </c>
      <c r="D104" s="1" t="s">
        <v>100</v>
      </c>
      <c r="E104" s="3">
        <v>1500</v>
      </c>
      <c r="F104" s="4">
        <v>160</v>
      </c>
      <c r="G104" s="5">
        <v>50</v>
      </c>
      <c r="H104" s="6">
        <v>50</v>
      </c>
    </row>
    <row r="105" spans="1:8" ht="14.5" x14ac:dyDescent="0.35">
      <c r="A105" s="1" t="s">
        <v>43</v>
      </c>
      <c r="B105" s="7" t="s">
        <v>124</v>
      </c>
      <c r="C105" s="1" t="s">
        <v>122</v>
      </c>
      <c r="D105" s="1" t="s">
        <v>100</v>
      </c>
      <c r="E105" s="3">
        <v>1500</v>
      </c>
      <c r="F105" s="4">
        <v>200</v>
      </c>
      <c r="G105" s="5">
        <v>50</v>
      </c>
      <c r="H105" s="6">
        <v>50</v>
      </c>
    </row>
    <row r="106" spans="1:8" ht="14.5" x14ac:dyDescent="0.35">
      <c r="A106" s="1" t="s">
        <v>43</v>
      </c>
      <c r="B106" s="7" t="s">
        <v>125</v>
      </c>
      <c r="C106" s="1" t="s">
        <v>122</v>
      </c>
      <c r="D106" s="1" t="s">
        <v>100</v>
      </c>
      <c r="E106" s="3">
        <v>1500</v>
      </c>
      <c r="F106" s="4">
        <v>250</v>
      </c>
      <c r="G106" s="5">
        <v>50</v>
      </c>
      <c r="H106" s="6">
        <v>50</v>
      </c>
    </row>
    <row r="107" spans="1:8" ht="14.5" x14ac:dyDescent="0.35">
      <c r="A107" s="1" t="s">
        <v>43</v>
      </c>
      <c r="B107" s="2" t="s">
        <v>126</v>
      </c>
      <c r="C107" s="1" t="s">
        <v>41</v>
      </c>
      <c r="D107" s="1" t="s">
        <v>100</v>
      </c>
      <c r="E107" s="3">
        <v>1500</v>
      </c>
      <c r="F107" s="4">
        <v>160</v>
      </c>
      <c r="G107" s="5">
        <v>50</v>
      </c>
      <c r="H107" s="6">
        <v>50</v>
      </c>
    </row>
    <row r="108" spans="1:8" ht="14.5" x14ac:dyDescent="0.35">
      <c r="A108" s="1" t="s">
        <v>43</v>
      </c>
      <c r="B108" s="2" t="s">
        <v>127</v>
      </c>
      <c r="C108" s="1" t="s">
        <v>41</v>
      </c>
      <c r="D108" s="1" t="s">
        <v>100</v>
      </c>
      <c r="E108" s="3">
        <v>1500</v>
      </c>
      <c r="F108" s="4">
        <v>200</v>
      </c>
      <c r="G108" s="5">
        <v>50</v>
      </c>
      <c r="H108" s="6">
        <v>50</v>
      </c>
    </row>
    <row r="109" spans="1:8" ht="14.5" x14ac:dyDescent="0.35">
      <c r="A109" s="1" t="s">
        <v>43</v>
      </c>
      <c r="B109" s="1" t="s">
        <v>128</v>
      </c>
      <c r="C109" s="1" t="s">
        <v>41</v>
      </c>
      <c r="D109" s="1" t="s">
        <v>100</v>
      </c>
      <c r="E109" s="3">
        <v>1500</v>
      </c>
      <c r="F109" s="4">
        <v>250</v>
      </c>
      <c r="G109" s="5">
        <v>50</v>
      </c>
      <c r="H109" s="6">
        <v>50</v>
      </c>
    </row>
    <row r="110" spans="1:8" ht="14.5" x14ac:dyDescent="0.35">
      <c r="A110" s="1" t="s">
        <v>10</v>
      </c>
      <c r="B110" s="1" t="s">
        <v>129</v>
      </c>
      <c r="C110" s="1" t="s">
        <v>12</v>
      </c>
      <c r="D110" s="1" t="s">
        <v>100</v>
      </c>
      <c r="E110" s="3">
        <v>1500</v>
      </c>
      <c r="F110" s="4">
        <v>100</v>
      </c>
      <c r="G110" s="5">
        <v>30</v>
      </c>
      <c r="H110" s="6">
        <v>30</v>
      </c>
    </row>
    <row r="111" spans="1:8" ht="14.5" x14ac:dyDescent="0.35">
      <c r="A111" s="1" t="s">
        <v>10</v>
      </c>
      <c r="B111" s="1" t="s">
        <v>130</v>
      </c>
      <c r="C111" s="1" t="s">
        <v>12</v>
      </c>
      <c r="D111" s="1" t="s">
        <v>100</v>
      </c>
      <c r="E111" s="3">
        <v>1500</v>
      </c>
      <c r="F111" s="4">
        <v>125</v>
      </c>
      <c r="G111" s="5">
        <v>30</v>
      </c>
      <c r="H111" s="6">
        <v>30</v>
      </c>
    </row>
    <row r="112" spans="1:8" ht="14.5" x14ac:dyDescent="0.35">
      <c r="A112" s="1" t="s">
        <v>10</v>
      </c>
      <c r="B112" s="1" t="s">
        <v>131</v>
      </c>
      <c r="C112" s="1" t="s">
        <v>12</v>
      </c>
      <c r="D112" s="1" t="s">
        <v>100</v>
      </c>
      <c r="E112" s="3">
        <v>1500</v>
      </c>
      <c r="F112" s="4">
        <v>160</v>
      </c>
      <c r="G112" s="5">
        <v>30</v>
      </c>
      <c r="H112" s="6">
        <v>30</v>
      </c>
    </row>
    <row r="113" spans="1:8" ht="14.5" x14ac:dyDescent="0.35">
      <c r="A113" s="1" t="s">
        <v>10</v>
      </c>
      <c r="B113" s="1" t="s">
        <v>132</v>
      </c>
      <c r="C113" s="1" t="s">
        <v>12</v>
      </c>
      <c r="D113" s="1" t="s">
        <v>100</v>
      </c>
      <c r="E113" s="3">
        <v>1500</v>
      </c>
      <c r="F113" s="4">
        <v>200</v>
      </c>
      <c r="G113" s="5">
        <v>30</v>
      </c>
      <c r="H113" s="6">
        <v>30</v>
      </c>
    </row>
    <row r="114" spans="1:8" ht="14.5" x14ac:dyDescent="0.35">
      <c r="A114" s="1" t="s">
        <v>10</v>
      </c>
      <c r="B114" s="1" t="s">
        <v>133</v>
      </c>
      <c r="C114" s="1" t="s">
        <v>70</v>
      </c>
      <c r="D114" s="1" t="s">
        <v>100</v>
      </c>
      <c r="E114" s="3">
        <v>1500</v>
      </c>
      <c r="F114" s="4">
        <v>200</v>
      </c>
      <c r="G114" s="5">
        <v>30</v>
      </c>
      <c r="H114" s="6">
        <v>30</v>
      </c>
    </row>
    <row r="115" spans="1:8" ht="14.5" x14ac:dyDescent="0.35">
      <c r="A115" s="1" t="s">
        <v>10</v>
      </c>
      <c r="B115" s="2" t="s">
        <v>134</v>
      </c>
      <c r="C115" s="1" t="s">
        <v>70</v>
      </c>
      <c r="D115" s="1" t="s">
        <v>100</v>
      </c>
      <c r="E115" s="3">
        <v>1500</v>
      </c>
      <c r="F115" s="4">
        <v>250</v>
      </c>
      <c r="G115" s="5">
        <v>30</v>
      </c>
      <c r="H115" s="6">
        <v>30</v>
      </c>
    </row>
    <row r="116" spans="1:8" ht="14.5" x14ac:dyDescent="0.35">
      <c r="A116" s="1" t="s">
        <v>81</v>
      </c>
      <c r="B116" s="2" t="s">
        <v>135</v>
      </c>
      <c r="C116" s="1" t="s">
        <v>99</v>
      </c>
      <c r="D116" s="1" t="s">
        <v>100</v>
      </c>
      <c r="E116" s="3">
        <v>1500</v>
      </c>
      <c r="F116" s="4">
        <v>100</v>
      </c>
      <c r="G116" s="5">
        <v>30</v>
      </c>
      <c r="H116" s="6">
        <v>30</v>
      </c>
    </row>
    <row r="117" spans="1:8" ht="14.5" x14ac:dyDescent="0.35">
      <c r="A117" s="1" t="s">
        <v>81</v>
      </c>
      <c r="B117" s="2" t="s">
        <v>136</v>
      </c>
      <c r="C117" s="1" t="s">
        <v>99</v>
      </c>
      <c r="D117" s="1" t="s">
        <v>100</v>
      </c>
      <c r="E117" s="3">
        <v>1500</v>
      </c>
      <c r="F117" s="4">
        <v>125</v>
      </c>
      <c r="G117" s="5">
        <v>30</v>
      </c>
      <c r="H117" s="6">
        <v>30</v>
      </c>
    </row>
    <row r="118" spans="1:8" ht="14.5" x14ac:dyDescent="0.35">
      <c r="A118" s="1" t="s">
        <v>81</v>
      </c>
      <c r="B118" s="2" t="s">
        <v>137</v>
      </c>
      <c r="C118" s="1" t="s">
        <v>99</v>
      </c>
      <c r="D118" s="1" t="s">
        <v>100</v>
      </c>
      <c r="E118" s="3">
        <v>1500</v>
      </c>
      <c r="F118" s="4">
        <v>160</v>
      </c>
      <c r="G118" s="5">
        <v>30</v>
      </c>
      <c r="H118" s="6">
        <v>30</v>
      </c>
    </row>
    <row r="119" spans="1:8" ht="14.5" x14ac:dyDescent="0.35">
      <c r="A119" s="1" t="s">
        <v>81</v>
      </c>
      <c r="B119" s="2" t="s">
        <v>138</v>
      </c>
      <c r="C119" s="1" t="s">
        <v>12</v>
      </c>
      <c r="D119" s="1" t="s">
        <v>100</v>
      </c>
      <c r="E119" s="3">
        <v>1500</v>
      </c>
      <c r="F119" s="4">
        <v>100</v>
      </c>
      <c r="G119" s="5">
        <v>30</v>
      </c>
      <c r="H119" s="6">
        <v>30</v>
      </c>
    </row>
    <row r="120" spans="1:8" ht="14.5" x14ac:dyDescent="0.35">
      <c r="A120" s="1" t="s">
        <v>81</v>
      </c>
      <c r="B120" s="2" t="s">
        <v>139</v>
      </c>
      <c r="C120" s="1" t="s">
        <v>12</v>
      </c>
      <c r="D120" s="1" t="s">
        <v>100</v>
      </c>
      <c r="E120" s="3">
        <v>1500</v>
      </c>
      <c r="F120" s="4">
        <v>125</v>
      </c>
      <c r="G120" s="5">
        <v>30</v>
      </c>
      <c r="H120" s="6">
        <v>30</v>
      </c>
    </row>
    <row r="121" spans="1:8" ht="14.5" x14ac:dyDescent="0.35">
      <c r="A121" s="1" t="s">
        <v>81</v>
      </c>
      <c r="B121" s="2" t="s">
        <v>140</v>
      </c>
      <c r="C121" s="1" t="s">
        <v>12</v>
      </c>
      <c r="D121" s="1" t="s">
        <v>100</v>
      </c>
      <c r="E121" s="3">
        <v>1500</v>
      </c>
      <c r="F121" s="4">
        <v>160</v>
      </c>
      <c r="G121" s="5">
        <v>30</v>
      </c>
      <c r="H121" s="6">
        <v>30</v>
      </c>
    </row>
    <row r="122" spans="1:8" ht="14.5" x14ac:dyDescent="0.35">
      <c r="A122" s="1" t="s">
        <v>81</v>
      </c>
      <c r="B122" s="2" t="s">
        <v>141</v>
      </c>
      <c r="C122" s="1" t="s">
        <v>12</v>
      </c>
      <c r="D122" s="1" t="s">
        <v>100</v>
      </c>
      <c r="E122" s="3">
        <v>1500</v>
      </c>
      <c r="F122" s="4">
        <v>200</v>
      </c>
      <c r="G122" s="5">
        <v>30</v>
      </c>
      <c r="H122" s="6">
        <v>30</v>
      </c>
    </row>
    <row r="123" spans="1:8" ht="14.5" x14ac:dyDescent="0.35">
      <c r="A123" s="1" t="s">
        <v>81</v>
      </c>
      <c r="B123" s="2" t="s">
        <v>142</v>
      </c>
      <c r="C123" s="1" t="s">
        <v>70</v>
      </c>
      <c r="D123" s="1" t="s">
        <v>100</v>
      </c>
      <c r="E123" s="3">
        <v>1500</v>
      </c>
      <c r="F123" s="4">
        <v>125</v>
      </c>
      <c r="G123" s="5">
        <v>30</v>
      </c>
      <c r="H123" s="6">
        <v>30</v>
      </c>
    </row>
    <row r="124" spans="1:8" ht="14.5" x14ac:dyDescent="0.35">
      <c r="A124" s="1" t="s">
        <v>81</v>
      </c>
      <c r="B124" s="2" t="s">
        <v>143</v>
      </c>
      <c r="C124" s="1" t="s">
        <v>70</v>
      </c>
      <c r="D124" s="1" t="s">
        <v>100</v>
      </c>
      <c r="E124" s="3">
        <v>1500</v>
      </c>
      <c r="F124" s="4">
        <v>160</v>
      </c>
      <c r="G124" s="5">
        <v>30</v>
      </c>
      <c r="H124" s="6">
        <v>30</v>
      </c>
    </row>
    <row r="125" spans="1:8" ht="14.5" x14ac:dyDescent="0.35">
      <c r="A125" s="1" t="s">
        <v>81</v>
      </c>
      <c r="B125" s="2" t="s">
        <v>144</v>
      </c>
      <c r="C125" s="1" t="s">
        <v>70</v>
      </c>
      <c r="D125" s="1" t="s">
        <v>100</v>
      </c>
      <c r="E125" s="3">
        <v>1500</v>
      </c>
      <c r="F125" s="4">
        <v>200</v>
      </c>
      <c r="G125" s="5">
        <v>30</v>
      </c>
      <c r="H125" s="6">
        <v>30</v>
      </c>
    </row>
    <row r="126" spans="1:8" ht="14.5" x14ac:dyDescent="0.35">
      <c r="A126" s="1" t="s">
        <v>81</v>
      </c>
      <c r="B126" s="2" t="s">
        <v>145</v>
      </c>
      <c r="C126" s="1" t="s">
        <v>70</v>
      </c>
      <c r="D126" s="1" t="s">
        <v>100</v>
      </c>
      <c r="E126" s="3">
        <v>1500</v>
      </c>
      <c r="F126" s="4">
        <v>250</v>
      </c>
      <c r="G126" s="5">
        <v>30</v>
      </c>
      <c r="H126" s="6">
        <v>30</v>
      </c>
    </row>
    <row r="127" spans="1:8" ht="14.5" x14ac:dyDescent="0.35">
      <c r="A127" s="1" t="s">
        <v>81</v>
      </c>
      <c r="B127" s="2" t="s">
        <v>146</v>
      </c>
      <c r="C127" s="1" t="s">
        <v>41</v>
      </c>
      <c r="D127" s="1" t="s">
        <v>100</v>
      </c>
      <c r="E127" s="3">
        <v>1500</v>
      </c>
      <c r="F127" s="4">
        <v>250</v>
      </c>
      <c r="G127" s="5">
        <v>100</v>
      </c>
      <c r="H127" s="6">
        <v>50</v>
      </c>
    </row>
    <row r="128" spans="1:8" ht="14.5" x14ac:dyDescent="0.35">
      <c r="A128" s="1" t="s">
        <v>43</v>
      </c>
      <c r="B128" s="2" t="s">
        <v>147</v>
      </c>
      <c r="C128" s="1" t="s">
        <v>12</v>
      </c>
      <c r="D128" s="1" t="s">
        <v>100</v>
      </c>
      <c r="E128" s="3">
        <v>1250</v>
      </c>
      <c r="F128" s="4">
        <v>125</v>
      </c>
      <c r="G128" s="5">
        <v>50</v>
      </c>
      <c r="H128" s="6">
        <v>50</v>
      </c>
    </row>
    <row r="129" spans="1:8" ht="14.5" x14ac:dyDescent="0.35">
      <c r="A129" s="1" t="s">
        <v>43</v>
      </c>
      <c r="B129" s="2" t="s">
        <v>148</v>
      </c>
      <c r="C129" s="1" t="s">
        <v>12</v>
      </c>
      <c r="D129" s="1" t="s">
        <v>100</v>
      </c>
      <c r="E129" s="3">
        <v>1250</v>
      </c>
      <c r="F129" s="4">
        <v>160</v>
      </c>
      <c r="G129" s="5">
        <v>50</v>
      </c>
      <c r="H129" s="6">
        <v>50</v>
      </c>
    </row>
    <row r="130" spans="1:8" ht="14.5" x14ac:dyDescent="0.35">
      <c r="A130" s="1" t="s">
        <v>43</v>
      </c>
      <c r="B130" s="2" t="s">
        <v>149</v>
      </c>
      <c r="C130" s="1" t="s">
        <v>70</v>
      </c>
      <c r="D130" s="1" t="s">
        <v>100</v>
      </c>
      <c r="E130" s="3">
        <v>1250</v>
      </c>
      <c r="F130" s="4">
        <v>200</v>
      </c>
      <c r="G130" s="5">
        <v>50</v>
      </c>
      <c r="H130" s="6">
        <v>50</v>
      </c>
    </row>
    <row r="131" spans="1:8" ht="14.5" x14ac:dyDescent="0.35">
      <c r="A131" s="1" t="s">
        <v>43</v>
      </c>
      <c r="B131" s="2" t="s">
        <v>150</v>
      </c>
      <c r="C131" s="1" t="s">
        <v>70</v>
      </c>
      <c r="D131" s="1" t="s">
        <v>100</v>
      </c>
      <c r="E131" s="3">
        <v>1250</v>
      </c>
      <c r="F131" s="4">
        <v>250</v>
      </c>
      <c r="G131" s="5">
        <v>50</v>
      </c>
      <c r="H131" s="6">
        <v>50</v>
      </c>
    </row>
    <row r="132" spans="1:8" ht="14.5" x14ac:dyDescent="0.35">
      <c r="A132" s="1" t="s">
        <v>43</v>
      </c>
      <c r="B132" s="2" t="s">
        <v>151</v>
      </c>
      <c r="C132" s="1" t="s">
        <v>41</v>
      </c>
      <c r="D132" s="1" t="s">
        <v>100</v>
      </c>
      <c r="E132" s="3">
        <v>1250</v>
      </c>
      <c r="F132" s="4">
        <v>250</v>
      </c>
      <c r="G132" s="5">
        <v>50</v>
      </c>
      <c r="H132" s="6">
        <v>50</v>
      </c>
    </row>
    <row r="133" spans="1:8" ht="14.5" x14ac:dyDescent="0.35">
      <c r="A133" s="1" t="s">
        <v>63</v>
      </c>
      <c r="B133" s="2" t="s">
        <v>152</v>
      </c>
      <c r="C133" s="1" t="s">
        <v>12</v>
      </c>
      <c r="D133" s="1" t="s">
        <v>100</v>
      </c>
      <c r="E133" s="3">
        <v>1100</v>
      </c>
      <c r="F133" s="4">
        <v>100</v>
      </c>
      <c r="G133" s="5">
        <v>10</v>
      </c>
      <c r="H133" s="6">
        <v>10</v>
      </c>
    </row>
    <row r="134" spans="1:8" ht="14.5" x14ac:dyDescent="0.35">
      <c r="A134" s="1" t="s">
        <v>63</v>
      </c>
      <c r="B134" s="2" t="s">
        <v>153</v>
      </c>
      <c r="C134" s="1" t="s">
        <v>12</v>
      </c>
      <c r="D134" s="1" t="s">
        <v>100</v>
      </c>
      <c r="E134" s="3">
        <v>1100</v>
      </c>
      <c r="F134" s="4">
        <v>125</v>
      </c>
      <c r="G134" s="5">
        <v>10</v>
      </c>
      <c r="H134" s="6">
        <v>10</v>
      </c>
    </row>
    <row r="135" spans="1:8" ht="14.5" x14ac:dyDescent="0.35">
      <c r="A135" s="1" t="s">
        <v>63</v>
      </c>
      <c r="B135" s="2" t="s">
        <v>154</v>
      </c>
      <c r="C135" s="1" t="s">
        <v>12</v>
      </c>
      <c r="D135" s="1" t="s">
        <v>100</v>
      </c>
      <c r="E135" s="3">
        <v>1100</v>
      </c>
      <c r="F135" s="4">
        <v>160</v>
      </c>
      <c r="G135" s="5">
        <v>10</v>
      </c>
      <c r="H135" s="6">
        <v>10</v>
      </c>
    </row>
    <row r="136" spans="1:8" ht="14.5" x14ac:dyDescent="0.35">
      <c r="A136" s="1" t="s">
        <v>63</v>
      </c>
      <c r="B136" s="2" t="s">
        <v>155</v>
      </c>
      <c r="C136" s="1" t="s">
        <v>12</v>
      </c>
      <c r="D136" s="1" t="s">
        <v>100</v>
      </c>
      <c r="E136" s="3">
        <v>1100</v>
      </c>
      <c r="F136" s="4">
        <v>200</v>
      </c>
      <c r="G136" s="5">
        <v>10</v>
      </c>
      <c r="H136" s="6">
        <v>10</v>
      </c>
    </row>
    <row r="137" spans="1:8" ht="14.5" x14ac:dyDescent="0.35">
      <c r="A137" s="1" t="s">
        <v>63</v>
      </c>
      <c r="B137" s="2" t="s">
        <v>156</v>
      </c>
      <c r="C137" s="1" t="s">
        <v>70</v>
      </c>
      <c r="D137" s="1" t="s">
        <v>100</v>
      </c>
      <c r="E137" s="3">
        <v>1100</v>
      </c>
      <c r="F137" s="4">
        <v>200</v>
      </c>
      <c r="G137" s="5">
        <v>10</v>
      </c>
      <c r="H137" s="6">
        <v>10</v>
      </c>
    </row>
    <row r="138" spans="1:8" ht="14.5" x14ac:dyDescent="0.35">
      <c r="A138" s="1" t="s">
        <v>63</v>
      </c>
      <c r="B138" s="2" t="s">
        <v>157</v>
      </c>
      <c r="C138" s="1" t="s">
        <v>70</v>
      </c>
      <c r="D138" s="1" t="s">
        <v>100</v>
      </c>
      <c r="E138" s="3">
        <v>1100</v>
      </c>
      <c r="F138" s="4">
        <v>250</v>
      </c>
      <c r="G138" s="5">
        <v>10</v>
      </c>
      <c r="H138" s="6">
        <v>10</v>
      </c>
    </row>
    <row r="139" spans="1:8" ht="14.5" x14ac:dyDescent="0.35">
      <c r="A139" s="1" t="s">
        <v>63</v>
      </c>
      <c r="B139" s="2" t="s">
        <v>158</v>
      </c>
      <c r="C139" s="1" t="s">
        <v>41</v>
      </c>
      <c r="D139" s="1" t="s">
        <v>100</v>
      </c>
      <c r="E139" s="3">
        <v>1100</v>
      </c>
      <c r="F139" s="4">
        <v>200</v>
      </c>
      <c r="G139" s="5">
        <v>10</v>
      </c>
      <c r="H139" s="6">
        <v>10</v>
      </c>
    </row>
    <row r="140" spans="1:8" ht="14.5" x14ac:dyDescent="0.35">
      <c r="A140" s="1" t="s">
        <v>63</v>
      </c>
      <c r="B140" s="2" t="s">
        <v>159</v>
      </c>
      <c r="C140" s="1" t="s">
        <v>41</v>
      </c>
      <c r="D140" s="1" t="s">
        <v>100</v>
      </c>
      <c r="E140" s="3">
        <v>1100</v>
      </c>
      <c r="F140" s="4">
        <v>224</v>
      </c>
      <c r="G140" s="5">
        <v>10</v>
      </c>
      <c r="H140" s="6">
        <v>10</v>
      </c>
    </row>
    <row r="141" spans="1:8" ht="14.5" x14ac:dyDescent="0.35">
      <c r="A141" s="1" t="s">
        <v>63</v>
      </c>
      <c r="B141" s="2" t="s">
        <v>160</v>
      </c>
      <c r="C141" s="1" t="s">
        <v>41</v>
      </c>
      <c r="D141" s="1" t="s">
        <v>100</v>
      </c>
      <c r="E141" s="3">
        <v>1100</v>
      </c>
      <c r="F141" s="4">
        <v>250</v>
      </c>
      <c r="G141" s="5">
        <v>10</v>
      </c>
      <c r="H141" s="6">
        <v>10</v>
      </c>
    </row>
    <row r="142" spans="1:8" ht="14.5" x14ac:dyDescent="0.35">
      <c r="A142" s="1" t="s">
        <v>63</v>
      </c>
      <c r="B142" s="2" t="s">
        <v>161</v>
      </c>
      <c r="C142" s="1" t="s">
        <v>12</v>
      </c>
      <c r="D142" s="1" t="s">
        <v>100</v>
      </c>
      <c r="E142" s="3">
        <v>1100</v>
      </c>
      <c r="F142" s="4">
        <v>100</v>
      </c>
      <c r="G142" s="5">
        <v>10</v>
      </c>
      <c r="H142" s="6">
        <v>10</v>
      </c>
    </row>
    <row r="143" spans="1:8" ht="14.5" x14ac:dyDescent="0.35">
      <c r="A143" s="1" t="s">
        <v>63</v>
      </c>
      <c r="B143" s="2" t="s">
        <v>162</v>
      </c>
      <c r="C143" s="1" t="s">
        <v>12</v>
      </c>
      <c r="D143" s="1" t="s">
        <v>100</v>
      </c>
      <c r="E143" s="3">
        <v>1100</v>
      </c>
      <c r="F143" s="4">
        <v>125</v>
      </c>
      <c r="G143" s="5">
        <v>10</v>
      </c>
      <c r="H143" s="6">
        <v>10</v>
      </c>
    </row>
    <row r="144" spans="1:8" ht="14.5" x14ac:dyDescent="0.35">
      <c r="A144" s="1" t="s">
        <v>63</v>
      </c>
      <c r="B144" s="2" t="s">
        <v>163</v>
      </c>
      <c r="C144" s="1" t="s">
        <v>12</v>
      </c>
      <c r="D144" s="1" t="s">
        <v>100</v>
      </c>
      <c r="E144" s="3">
        <v>1100</v>
      </c>
      <c r="F144" s="4">
        <v>160</v>
      </c>
      <c r="G144" s="5">
        <v>10</v>
      </c>
      <c r="H144" s="6">
        <v>10</v>
      </c>
    </row>
    <row r="145" spans="1:8" ht="14.5" x14ac:dyDescent="0.35">
      <c r="A145" s="1" t="s">
        <v>63</v>
      </c>
      <c r="B145" s="2" t="s">
        <v>164</v>
      </c>
      <c r="C145" s="1" t="s">
        <v>12</v>
      </c>
      <c r="D145" s="1" t="s">
        <v>100</v>
      </c>
      <c r="E145" s="3">
        <v>1100</v>
      </c>
      <c r="F145" s="4">
        <v>200</v>
      </c>
      <c r="G145" s="5">
        <v>10</v>
      </c>
      <c r="H145" s="6">
        <v>10</v>
      </c>
    </row>
    <row r="146" spans="1:8" ht="14.5" x14ac:dyDescent="0.35">
      <c r="A146" s="1" t="s">
        <v>63</v>
      </c>
      <c r="B146" s="2" t="s">
        <v>165</v>
      </c>
      <c r="C146" s="1" t="s">
        <v>70</v>
      </c>
      <c r="D146" s="1" t="s">
        <v>100</v>
      </c>
      <c r="E146" s="3">
        <v>1100</v>
      </c>
      <c r="F146" s="4">
        <v>200</v>
      </c>
      <c r="G146" s="5">
        <v>10</v>
      </c>
      <c r="H146" s="6">
        <v>10</v>
      </c>
    </row>
    <row r="147" spans="1:8" ht="14.5" x14ac:dyDescent="0.35">
      <c r="A147" s="1" t="s">
        <v>63</v>
      </c>
      <c r="B147" s="2" t="s">
        <v>166</v>
      </c>
      <c r="C147" s="1" t="s">
        <v>70</v>
      </c>
      <c r="D147" s="1" t="s">
        <v>100</v>
      </c>
      <c r="E147" s="3">
        <v>1100</v>
      </c>
      <c r="F147" s="4">
        <v>250</v>
      </c>
      <c r="G147" s="5">
        <v>10</v>
      </c>
      <c r="H147" s="6">
        <v>10</v>
      </c>
    </row>
    <row r="148" spans="1:8" ht="14.5" x14ac:dyDescent="0.35">
      <c r="A148" s="1" t="s">
        <v>63</v>
      </c>
      <c r="B148" s="2" t="s">
        <v>167</v>
      </c>
      <c r="C148" s="1" t="s">
        <v>168</v>
      </c>
      <c r="D148" s="1" t="s">
        <v>100</v>
      </c>
      <c r="E148" s="3">
        <v>1000</v>
      </c>
      <c r="F148" s="4">
        <v>100</v>
      </c>
      <c r="G148" s="5">
        <v>20</v>
      </c>
      <c r="H148" s="6">
        <v>20</v>
      </c>
    </row>
    <row r="149" spans="1:8" ht="14.5" x14ac:dyDescent="0.35">
      <c r="A149" s="1" t="s">
        <v>63</v>
      </c>
      <c r="B149" s="2" t="s">
        <v>169</v>
      </c>
      <c r="C149" s="1" t="s">
        <v>168</v>
      </c>
      <c r="D149" s="1" t="s">
        <v>100</v>
      </c>
      <c r="E149" s="3">
        <v>1000</v>
      </c>
      <c r="F149" s="4">
        <v>125</v>
      </c>
      <c r="G149" s="5">
        <v>20</v>
      </c>
      <c r="H149" s="6">
        <v>20</v>
      </c>
    </row>
    <row r="150" spans="1:8" ht="14.5" x14ac:dyDescent="0.35">
      <c r="A150" s="1" t="s">
        <v>63</v>
      </c>
      <c r="B150" s="2" t="s">
        <v>170</v>
      </c>
      <c r="C150" s="1" t="s">
        <v>168</v>
      </c>
      <c r="D150" s="1" t="s">
        <v>100</v>
      </c>
      <c r="E150" s="3">
        <v>1000</v>
      </c>
      <c r="F150" s="4">
        <v>160</v>
      </c>
      <c r="G150" s="5">
        <v>20</v>
      </c>
      <c r="H150" s="6">
        <v>20</v>
      </c>
    </row>
    <row r="151" spans="1:8" ht="14.5" x14ac:dyDescent="0.35">
      <c r="A151" s="1" t="s">
        <v>63</v>
      </c>
      <c r="B151" s="2" t="s">
        <v>171</v>
      </c>
      <c r="C151" s="1" t="s">
        <v>172</v>
      </c>
      <c r="D151" s="1" t="s">
        <v>100</v>
      </c>
      <c r="E151" s="3">
        <v>1000</v>
      </c>
      <c r="F151" s="4">
        <v>100</v>
      </c>
      <c r="G151" s="5">
        <v>20</v>
      </c>
      <c r="H151" s="6">
        <v>20</v>
      </c>
    </row>
    <row r="152" spans="1:8" ht="14.5" x14ac:dyDescent="0.35">
      <c r="A152" s="1" t="s">
        <v>63</v>
      </c>
      <c r="B152" s="2" t="s">
        <v>173</v>
      </c>
      <c r="C152" s="1" t="s">
        <v>172</v>
      </c>
      <c r="D152" s="1" t="s">
        <v>100</v>
      </c>
      <c r="E152" s="3">
        <v>1000</v>
      </c>
      <c r="F152" s="4">
        <v>125</v>
      </c>
      <c r="G152" s="5">
        <v>20</v>
      </c>
      <c r="H152" s="6">
        <v>20</v>
      </c>
    </row>
    <row r="153" spans="1:8" ht="14.5" x14ac:dyDescent="0.35">
      <c r="A153" s="1" t="s">
        <v>63</v>
      </c>
      <c r="B153" s="2" t="s">
        <v>174</v>
      </c>
      <c r="C153" s="1" t="s">
        <v>172</v>
      </c>
      <c r="D153" s="1" t="s">
        <v>100</v>
      </c>
      <c r="E153" s="3">
        <v>1000</v>
      </c>
      <c r="F153" s="4">
        <v>160</v>
      </c>
      <c r="G153" s="5">
        <v>20</v>
      </c>
      <c r="H153" s="6">
        <v>20</v>
      </c>
    </row>
    <row r="154" spans="1:8" ht="14.5" x14ac:dyDescent="0.35">
      <c r="A154" s="1" t="s">
        <v>63</v>
      </c>
      <c r="B154" s="2" t="s">
        <v>175</v>
      </c>
      <c r="C154" s="1" t="s">
        <v>85</v>
      </c>
      <c r="D154" s="1" t="s">
        <v>100</v>
      </c>
      <c r="E154" s="3">
        <v>1000</v>
      </c>
      <c r="F154" s="4">
        <v>200</v>
      </c>
      <c r="G154" s="5">
        <v>30</v>
      </c>
      <c r="H154" s="6">
        <v>30</v>
      </c>
    </row>
    <row r="155" spans="1:8" ht="14.5" x14ac:dyDescent="0.35">
      <c r="A155" s="1" t="s">
        <v>63</v>
      </c>
      <c r="B155" s="2" t="s">
        <v>176</v>
      </c>
      <c r="C155" s="1" t="s">
        <v>90</v>
      </c>
      <c r="D155" s="1" t="s">
        <v>100</v>
      </c>
      <c r="E155" s="3">
        <v>1000</v>
      </c>
      <c r="F155" s="4">
        <v>200</v>
      </c>
      <c r="G155" s="5">
        <v>30</v>
      </c>
      <c r="H155" s="6">
        <v>30</v>
      </c>
    </row>
    <row r="156" spans="1:8" ht="14.5" x14ac:dyDescent="0.35">
      <c r="A156" s="1" t="s">
        <v>63</v>
      </c>
      <c r="B156" s="2" t="s">
        <v>177</v>
      </c>
      <c r="C156" s="1" t="s">
        <v>90</v>
      </c>
      <c r="D156" s="1" t="s">
        <v>100</v>
      </c>
      <c r="E156" s="3">
        <v>1000</v>
      </c>
      <c r="F156" s="4">
        <v>250</v>
      </c>
      <c r="G156" s="5">
        <v>30</v>
      </c>
      <c r="H156" s="6">
        <v>30</v>
      </c>
    </row>
    <row r="157" spans="1:8" ht="14.5" x14ac:dyDescent="0.35">
      <c r="A157" s="1" t="s">
        <v>63</v>
      </c>
      <c r="B157" s="2" t="s">
        <v>178</v>
      </c>
      <c r="C157" s="1" t="s">
        <v>49</v>
      </c>
      <c r="D157" s="1" t="s">
        <v>100</v>
      </c>
      <c r="E157" s="3">
        <v>1000</v>
      </c>
      <c r="F157" s="4">
        <v>160</v>
      </c>
      <c r="G157" s="5">
        <v>30</v>
      </c>
      <c r="H157" s="6">
        <v>30</v>
      </c>
    </row>
    <row r="158" spans="1:8" ht="14.5" x14ac:dyDescent="0.35">
      <c r="A158" s="1" t="s">
        <v>63</v>
      </c>
      <c r="B158" s="2" t="s">
        <v>179</v>
      </c>
      <c r="C158" s="1" t="s">
        <v>49</v>
      </c>
      <c r="D158" s="1" t="s">
        <v>100</v>
      </c>
      <c r="E158" s="3">
        <v>1000</v>
      </c>
      <c r="F158" s="4">
        <v>200</v>
      </c>
      <c r="G158" s="5">
        <v>30</v>
      </c>
      <c r="H158" s="6">
        <v>30</v>
      </c>
    </row>
    <row r="159" spans="1:8" ht="14.5" x14ac:dyDescent="0.35">
      <c r="A159" s="1" t="s">
        <v>63</v>
      </c>
      <c r="B159" s="2" t="s">
        <v>180</v>
      </c>
      <c r="C159" s="1" t="s">
        <v>49</v>
      </c>
      <c r="D159" s="1" t="s">
        <v>100</v>
      </c>
      <c r="E159" s="3">
        <v>1000</v>
      </c>
      <c r="F159" s="4">
        <v>250</v>
      </c>
      <c r="G159" s="5">
        <v>30</v>
      </c>
      <c r="H159" s="6">
        <v>30</v>
      </c>
    </row>
    <row r="160" spans="1:8" ht="14.5" x14ac:dyDescent="0.35">
      <c r="A160" s="1" t="s">
        <v>63</v>
      </c>
      <c r="B160" s="2" t="s">
        <v>181</v>
      </c>
      <c r="C160" s="1" t="s">
        <v>12</v>
      </c>
      <c r="D160" s="1" t="s">
        <v>100</v>
      </c>
      <c r="E160" s="3">
        <v>1000</v>
      </c>
      <c r="F160" s="4">
        <v>250</v>
      </c>
      <c r="G160" s="5">
        <v>30</v>
      </c>
      <c r="H160" s="6">
        <v>30</v>
      </c>
    </row>
    <row r="161" spans="1:8" ht="14.5" x14ac:dyDescent="0.35">
      <c r="A161" s="1" t="s">
        <v>81</v>
      </c>
      <c r="B161" s="2" t="s">
        <v>182</v>
      </c>
      <c r="C161" s="1" t="s">
        <v>85</v>
      </c>
      <c r="D161" s="1" t="s">
        <v>100</v>
      </c>
      <c r="E161" s="3">
        <v>1000</v>
      </c>
      <c r="F161" s="4">
        <v>100</v>
      </c>
      <c r="G161" s="5">
        <v>50</v>
      </c>
      <c r="H161" s="6">
        <v>50</v>
      </c>
    </row>
    <row r="162" spans="1:8" ht="14.5" x14ac:dyDescent="0.35">
      <c r="A162" s="1" t="s">
        <v>81</v>
      </c>
      <c r="B162" s="2" t="s">
        <v>183</v>
      </c>
      <c r="C162" s="1" t="s">
        <v>85</v>
      </c>
      <c r="D162" s="1" t="s">
        <v>100</v>
      </c>
      <c r="E162" s="3">
        <v>1000</v>
      </c>
      <c r="F162" s="4">
        <v>110</v>
      </c>
      <c r="G162" s="5">
        <v>50</v>
      </c>
      <c r="H162" s="6">
        <v>50</v>
      </c>
    </row>
    <row r="163" spans="1:8" ht="14.5" x14ac:dyDescent="0.35">
      <c r="A163" s="1" t="s">
        <v>81</v>
      </c>
      <c r="B163" s="2" t="s">
        <v>184</v>
      </c>
      <c r="C163" s="1" t="s">
        <v>85</v>
      </c>
      <c r="D163" s="1" t="s">
        <v>100</v>
      </c>
      <c r="E163" s="3">
        <v>1000</v>
      </c>
      <c r="F163" s="4">
        <v>125</v>
      </c>
      <c r="G163" s="5">
        <v>50</v>
      </c>
      <c r="H163" s="6">
        <v>50</v>
      </c>
    </row>
    <row r="164" spans="1:8" ht="14.5" x14ac:dyDescent="0.35">
      <c r="A164" s="1" t="s">
        <v>81</v>
      </c>
      <c r="B164" s="2" t="s">
        <v>185</v>
      </c>
      <c r="C164" s="1" t="s">
        <v>85</v>
      </c>
      <c r="D164" s="1" t="s">
        <v>100</v>
      </c>
      <c r="E164" s="3">
        <v>1000</v>
      </c>
      <c r="F164" s="4">
        <v>160</v>
      </c>
      <c r="G164" s="5">
        <v>50</v>
      </c>
      <c r="H164" s="6">
        <v>50</v>
      </c>
    </row>
    <row r="165" spans="1:8" ht="14.5" x14ac:dyDescent="0.35">
      <c r="A165" s="1" t="s">
        <v>81</v>
      </c>
      <c r="B165" s="2" t="s">
        <v>186</v>
      </c>
      <c r="C165" s="1" t="s">
        <v>85</v>
      </c>
      <c r="D165" s="1" t="s">
        <v>100</v>
      </c>
      <c r="E165" s="3">
        <v>1000</v>
      </c>
      <c r="F165" s="4">
        <v>175</v>
      </c>
      <c r="G165" s="5">
        <v>50</v>
      </c>
      <c r="H165" s="6">
        <v>50</v>
      </c>
    </row>
    <row r="166" spans="1:8" ht="14.5" x14ac:dyDescent="0.35">
      <c r="A166" s="1" t="s">
        <v>81</v>
      </c>
      <c r="B166" s="2" t="s">
        <v>187</v>
      </c>
      <c r="C166" s="1" t="s">
        <v>85</v>
      </c>
      <c r="D166" s="1" t="s">
        <v>100</v>
      </c>
      <c r="E166" s="3">
        <v>1000</v>
      </c>
      <c r="F166" s="4">
        <v>200</v>
      </c>
      <c r="G166" s="5">
        <v>50</v>
      </c>
      <c r="H166" s="6">
        <v>50</v>
      </c>
    </row>
    <row r="167" spans="1:8" ht="14.5" x14ac:dyDescent="0.35">
      <c r="A167" s="1" t="s">
        <v>81</v>
      </c>
      <c r="B167" s="2" t="s">
        <v>188</v>
      </c>
      <c r="C167" s="1" t="s">
        <v>90</v>
      </c>
      <c r="D167" s="1" t="s">
        <v>100</v>
      </c>
      <c r="E167" s="3">
        <v>1000</v>
      </c>
      <c r="F167" s="4">
        <v>160</v>
      </c>
      <c r="G167" s="5">
        <v>50</v>
      </c>
      <c r="H167" s="6">
        <v>50</v>
      </c>
    </row>
    <row r="168" spans="1:8" ht="14.5" x14ac:dyDescent="0.35">
      <c r="A168" s="1" t="s">
        <v>81</v>
      </c>
      <c r="B168" s="2" t="s">
        <v>189</v>
      </c>
      <c r="C168" s="1" t="s">
        <v>90</v>
      </c>
      <c r="D168" s="1" t="s">
        <v>100</v>
      </c>
      <c r="E168" s="3">
        <v>1000</v>
      </c>
      <c r="F168" s="4">
        <v>200</v>
      </c>
      <c r="G168" s="5">
        <v>50</v>
      </c>
      <c r="H168" s="6">
        <v>50</v>
      </c>
    </row>
    <row r="169" spans="1:8" ht="14.5" x14ac:dyDescent="0.35">
      <c r="A169" s="1" t="s">
        <v>81</v>
      </c>
      <c r="B169" s="2" t="s">
        <v>190</v>
      </c>
      <c r="C169" s="1" t="s">
        <v>90</v>
      </c>
      <c r="D169" s="1" t="s">
        <v>100</v>
      </c>
      <c r="E169" s="3">
        <v>1000</v>
      </c>
      <c r="F169" s="4">
        <v>250</v>
      </c>
      <c r="G169" s="5">
        <v>50</v>
      </c>
      <c r="H169" s="6">
        <v>50</v>
      </c>
    </row>
    <row r="170" spans="1:8" ht="14.5" x14ac:dyDescent="0.35">
      <c r="A170" s="1" t="s">
        <v>81</v>
      </c>
      <c r="B170" s="2" t="s">
        <v>191</v>
      </c>
      <c r="C170" s="1" t="s">
        <v>99</v>
      </c>
      <c r="D170" s="1" t="s">
        <v>100</v>
      </c>
      <c r="E170" s="3">
        <v>1000</v>
      </c>
      <c r="F170" s="4">
        <v>100</v>
      </c>
      <c r="G170" s="5">
        <v>50</v>
      </c>
      <c r="H170" s="6">
        <v>50</v>
      </c>
    </row>
    <row r="171" spans="1:8" ht="14.5" x14ac:dyDescent="0.35">
      <c r="A171" s="1" t="s">
        <v>81</v>
      </c>
      <c r="B171" s="2" t="s">
        <v>192</v>
      </c>
      <c r="C171" s="1" t="s">
        <v>99</v>
      </c>
      <c r="D171" s="1" t="s">
        <v>100</v>
      </c>
      <c r="E171" s="3">
        <v>1000</v>
      </c>
      <c r="F171" s="4">
        <v>125</v>
      </c>
      <c r="G171" s="5">
        <v>50</v>
      </c>
      <c r="H171" s="6">
        <v>50</v>
      </c>
    </row>
    <row r="172" spans="1:8" ht="14.5" x14ac:dyDescent="0.35">
      <c r="A172" s="1" t="s">
        <v>81</v>
      </c>
      <c r="B172" s="2" t="s">
        <v>193</v>
      </c>
      <c r="C172" s="1" t="s">
        <v>99</v>
      </c>
      <c r="D172" s="1" t="s">
        <v>100</v>
      </c>
      <c r="E172" s="3">
        <v>1000</v>
      </c>
      <c r="F172" s="4">
        <v>160</v>
      </c>
      <c r="G172" s="5">
        <v>50</v>
      </c>
      <c r="H172" s="6">
        <v>50</v>
      </c>
    </row>
    <row r="173" spans="1:8" ht="14.5" x14ac:dyDescent="0.35">
      <c r="A173" s="1" t="s">
        <v>81</v>
      </c>
      <c r="B173" s="2" t="s">
        <v>194</v>
      </c>
      <c r="C173" s="1" t="s">
        <v>70</v>
      </c>
      <c r="D173" s="1" t="s">
        <v>100</v>
      </c>
      <c r="E173" s="3">
        <v>1000</v>
      </c>
      <c r="F173" s="4">
        <v>160</v>
      </c>
      <c r="G173" s="5">
        <v>33</v>
      </c>
      <c r="H173" s="6">
        <v>30</v>
      </c>
    </row>
    <row r="174" spans="1:8" ht="14.5" x14ac:dyDescent="0.35">
      <c r="A174" s="1" t="s">
        <v>81</v>
      </c>
      <c r="B174" s="2" t="s">
        <v>195</v>
      </c>
      <c r="C174" s="1" t="s">
        <v>70</v>
      </c>
      <c r="D174" s="1" t="s">
        <v>100</v>
      </c>
      <c r="E174" s="3">
        <v>1000</v>
      </c>
      <c r="F174" s="4">
        <v>200</v>
      </c>
      <c r="G174" s="5">
        <v>33</v>
      </c>
      <c r="H174" s="6">
        <v>30</v>
      </c>
    </row>
    <row r="175" spans="1:8" ht="14.5" x14ac:dyDescent="0.35">
      <c r="A175" s="1" t="s">
        <v>81</v>
      </c>
      <c r="B175" s="2" t="s">
        <v>196</v>
      </c>
      <c r="C175" s="1" t="s">
        <v>70</v>
      </c>
      <c r="D175" s="1" t="s">
        <v>100</v>
      </c>
      <c r="E175" s="3">
        <v>1000</v>
      </c>
      <c r="F175" s="4">
        <v>250</v>
      </c>
      <c r="G175" s="5">
        <v>33</v>
      </c>
      <c r="H175" s="6">
        <v>30</v>
      </c>
    </row>
    <row r="176" spans="1:8" ht="14.5" x14ac:dyDescent="0.35">
      <c r="A176" s="1" t="s">
        <v>43</v>
      </c>
      <c r="B176" s="2" t="s">
        <v>197</v>
      </c>
      <c r="C176" s="1" t="s">
        <v>85</v>
      </c>
      <c r="D176" s="1" t="s">
        <v>100</v>
      </c>
      <c r="E176" s="3">
        <v>1000</v>
      </c>
      <c r="F176" s="4">
        <v>100</v>
      </c>
      <c r="G176" s="5">
        <v>50</v>
      </c>
      <c r="H176" s="6">
        <v>50</v>
      </c>
    </row>
    <row r="177" spans="1:8" ht="14.5" x14ac:dyDescent="0.35">
      <c r="A177" s="1" t="s">
        <v>43</v>
      </c>
      <c r="B177" s="2" t="s">
        <v>198</v>
      </c>
      <c r="C177" s="1" t="s">
        <v>85</v>
      </c>
      <c r="D177" s="1" t="s">
        <v>100</v>
      </c>
      <c r="E177" s="3">
        <v>1000</v>
      </c>
      <c r="F177" s="4">
        <v>125</v>
      </c>
      <c r="G177" s="5">
        <v>50</v>
      </c>
      <c r="H177" s="6">
        <v>50</v>
      </c>
    </row>
    <row r="178" spans="1:8" ht="14.5" x14ac:dyDescent="0.35">
      <c r="A178" s="1" t="s">
        <v>43</v>
      </c>
      <c r="B178" s="2" t="s">
        <v>199</v>
      </c>
      <c r="C178" s="1" t="s">
        <v>85</v>
      </c>
      <c r="D178" s="1" t="s">
        <v>100</v>
      </c>
      <c r="E178" s="3">
        <v>1000</v>
      </c>
      <c r="F178" s="4">
        <v>160</v>
      </c>
      <c r="G178" s="5">
        <v>50</v>
      </c>
      <c r="H178" s="6">
        <v>50</v>
      </c>
    </row>
    <row r="179" spans="1:8" ht="14.5" x14ac:dyDescent="0.35">
      <c r="A179" s="1" t="s">
        <v>43</v>
      </c>
      <c r="B179" s="2" t="s">
        <v>200</v>
      </c>
      <c r="C179" s="1" t="s">
        <v>90</v>
      </c>
      <c r="D179" s="1" t="s">
        <v>100</v>
      </c>
      <c r="E179" s="3">
        <v>1000</v>
      </c>
      <c r="F179" s="4">
        <v>200</v>
      </c>
      <c r="G179" s="5">
        <v>50</v>
      </c>
      <c r="H179" s="6">
        <v>50</v>
      </c>
    </row>
    <row r="180" spans="1:8" ht="14.5" x14ac:dyDescent="0.35">
      <c r="A180" s="1" t="s">
        <v>43</v>
      </c>
      <c r="B180" s="2" t="s">
        <v>201</v>
      </c>
      <c r="C180" s="1" t="s">
        <v>90</v>
      </c>
      <c r="D180" s="1" t="s">
        <v>100</v>
      </c>
      <c r="E180" s="3">
        <v>1000</v>
      </c>
      <c r="F180" s="4">
        <v>250</v>
      </c>
      <c r="G180" s="5">
        <v>50</v>
      </c>
      <c r="H180" s="6">
        <v>50</v>
      </c>
    </row>
    <row r="181" spans="1:8" ht="14.5" x14ac:dyDescent="0.35">
      <c r="A181" s="1" t="s">
        <v>18</v>
      </c>
      <c r="B181" s="2" t="s">
        <v>202</v>
      </c>
      <c r="C181" s="1" t="s">
        <v>41</v>
      </c>
      <c r="D181" s="1" t="s">
        <v>203</v>
      </c>
      <c r="E181" s="3">
        <v>1500</v>
      </c>
      <c r="F181" s="4">
        <v>100</v>
      </c>
      <c r="G181" s="5">
        <v>170</v>
      </c>
      <c r="H181" s="6">
        <v>50</v>
      </c>
    </row>
    <row r="182" spans="1:8" ht="14.5" x14ac:dyDescent="0.35">
      <c r="A182" s="1" t="s">
        <v>18</v>
      </c>
      <c r="B182" s="2" t="s">
        <v>204</v>
      </c>
      <c r="C182" s="1" t="s">
        <v>41</v>
      </c>
      <c r="D182" s="1" t="s">
        <v>203</v>
      </c>
      <c r="E182" s="3">
        <v>1500</v>
      </c>
      <c r="F182" s="4">
        <v>125</v>
      </c>
      <c r="G182" s="5">
        <v>170</v>
      </c>
      <c r="H182" s="6">
        <v>50</v>
      </c>
    </row>
    <row r="183" spans="1:8" ht="14.5" x14ac:dyDescent="0.35">
      <c r="A183" s="1" t="s">
        <v>18</v>
      </c>
      <c r="B183" s="2" t="s">
        <v>205</v>
      </c>
      <c r="C183" s="1" t="s">
        <v>41</v>
      </c>
      <c r="D183" s="1" t="s">
        <v>203</v>
      </c>
      <c r="E183" s="3">
        <v>1500</v>
      </c>
      <c r="F183" s="4">
        <v>160</v>
      </c>
      <c r="G183" s="5">
        <v>170</v>
      </c>
      <c r="H183" s="6">
        <v>50</v>
      </c>
    </row>
    <row r="184" spans="1:8" ht="14.5" x14ac:dyDescent="0.35">
      <c r="A184" s="1" t="s">
        <v>18</v>
      </c>
      <c r="B184" s="2" t="s">
        <v>206</v>
      </c>
      <c r="C184" s="1" t="s">
        <v>41</v>
      </c>
      <c r="D184" s="1" t="s">
        <v>203</v>
      </c>
      <c r="E184" s="3">
        <v>1500</v>
      </c>
      <c r="F184" s="4">
        <v>200</v>
      </c>
      <c r="G184" s="5">
        <v>170</v>
      </c>
      <c r="H184" s="6">
        <v>50</v>
      </c>
    </row>
    <row r="185" spans="1:8" ht="14.5" x14ac:dyDescent="0.35">
      <c r="A185" s="1" t="s">
        <v>18</v>
      </c>
      <c r="B185" s="2" t="s">
        <v>207</v>
      </c>
      <c r="C185" s="1" t="s">
        <v>41</v>
      </c>
      <c r="D185" s="1" t="s">
        <v>203</v>
      </c>
      <c r="E185" s="3">
        <v>1500</v>
      </c>
      <c r="F185" s="4">
        <v>250</v>
      </c>
      <c r="G185" s="5">
        <v>170</v>
      </c>
      <c r="H185" s="6">
        <v>50</v>
      </c>
    </row>
  </sheetData>
  <sheetProtection algorithmName="SHA-512" hashValue="KrFd1DMUuvUB9JHIJ5qo7SWoDHyYF+Dy5BvQEZpAxaJxcJQAdEb1O0MFp37l0HDE0R+q6TO+Fh7Ds3XhDR9EaA==" saltValue="ziqlVVN0mlKDFiUVvFUiwA==" spinCount="100000" sheet="1" objects="1" scenarios="1" sort="0" autoFilter="0"/>
  <mergeCells count="2">
    <mergeCell ref="A1:H12"/>
    <mergeCell ref="A15:G15"/>
  </mergeCells>
  <conditionalFormatting sqref="B18:B23">
    <cfRule type="duplicateValues" dxfId="32" priority="11"/>
  </conditionalFormatting>
  <conditionalFormatting sqref="B24:B28">
    <cfRule type="duplicateValues" dxfId="31" priority="10"/>
  </conditionalFormatting>
  <conditionalFormatting sqref="B29:B33">
    <cfRule type="duplicateValues" dxfId="30" priority="1"/>
  </conditionalFormatting>
  <conditionalFormatting sqref="B34:B37">
    <cfRule type="duplicateValues" dxfId="29" priority="3"/>
  </conditionalFormatting>
  <conditionalFormatting sqref="B38:B39">
    <cfRule type="duplicateValues" dxfId="28" priority="2"/>
  </conditionalFormatting>
  <conditionalFormatting sqref="B40:B54">
    <cfRule type="duplicateValues" dxfId="27" priority="9"/>
  </conditionalFormatting>
  <conditionalFormatting sqref="B55:B56">
    <cfRule type="duplicateValues" dxfId="26" priority="8"/>
  </conditionalFormatting>
  <conditionalFormatting sqref="B57:B63 B18:B23">
    <cfRule type="duplicateValues" dxfId="25" priority="7"/>
  </conditionalFormatting>
  <conditionalFormatting sqref="B64:B65">
    <cfRule type="duplicateValues" dxfId="24" priority="6"/>
  </conditionalFormatting>
  <conditionalFormatting sqref="B77:B79">
    <cfRule type="duplicateValues" dxfId="23" priority="5"/>
  </conditionalFormatting>
  <conditionalFormatting sqref="B81:B179 B57:B63 B66:B76 B18:B23">
    <cfRule type="duplicateValues" dxfId="22" priority="4"/>
  </conditionalFormatting>
  <pageMargins left="0.7" right="0.7" top="0.75" bottom="0.75" header="0.3" footer="0.3"/>
  <pageSetup paperSize="9" orientation="portrait" r:id="rId1"/>
  <tableParts count="1">
    <tablePart r:id="rId2"/>
  </tablePart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dimension ref="A1:N179"/>
  <sheetViews>
    <sheetView workbookViewId="0">
      <selection activeCell="F38" sqref="F38"/>
    </sheetView>
  </sheetViews>
  <sheetFormatPr defaultColWidth="9.1640625" defaultRowHeight="13" x14ac:dyDescent="0.35"/>
  <cols>
    <col min="1" max="1" width="14.83203125" customWidth="1"/>
    <col min="2" max="2" width="21.75" customWidth="1"/>
    <col min="3" max="3" width="13.58203125" customWidth="1"/>
    <col min="4" max="4" width="10.25" customWidth="1"/>
    <col min="5" max="6" width="13" customWidth="1"/>
    <col min="7" max="7" width="13.58203125" customWidth="1"/>
    <col min="8" max="8" width="15.4140625" customWidth="1"/>
    <col min="9" max="9" width="9.4140625" bestFit="1" customWidth="1"/>
    <col min="10" max="10" width="19.4140625" bestFit="1" customWidth="1"/>
    <col min="11" max="11" width="12.83203125" customWidth="1"/>
  </cols>
  <sheetData>
    <row r="1" spans="1:14" ht="12.75" customHeight="1" x14ac:dyDescent="0.35">
      <c r="A1" s="15" t="s">
        <v>208</v>
      </c>
      <c r="B1" s="16"/>
      <c r="C1" s="16"/>
      <c r="D1" s="16"/>
      <c r="E1" s="16"/>
      <c r="F1" s="16"/>
      <c r="G1" s="16"/>
      <c r="H1" s="16"/>
      <c r="K1" s="23" t="s">
        <v>209</v>
      </c>
      <c r="L1" s="23" t="s">
        <v>210</v>
      </c>
      <c r="M1" s="23" t="s">
        <v>211</v>
      </c>
      <c r="N1" s="23" t="s">
        <v>212</v>
      </c>
    </row>
    <row r="2" spans="1:14" ht="13" customHeight="1" x14ac:dyDescent="0.35">
      <c r="A2" s="16"/>
      <c r="B2" s="16"/>
      <c r="C2" s="16"/>
      <c r="D2" s="16"/>
      <c r="E2" s="16"/>
      <c r="F2" s="16"/>
      <c r="G2" s="16"/>
      <c r="H2" s="16"/>
      <c r="K2" s="24"/>
      <c r="L2" s="24"/>
      <c r="M2" s="24"/>
      <c r="N2" s="24"/>
    </row>
    <row r="3" spans="1:14" ht="13" customHeight="1" x14ac:dyDescent="0.35">
      <c r="A3" s="16"/>
      <c r="B3" s="16"/>
      <c r="C3" s="16"/>
      <c r="D3" s="16"/>
      <c r="E3" s="16"/>
      <c r="F3" s="16"/>
      <c r="G3" s="16"/>
      <c r="H3" s="16"/>
      <c r="K3" s="24"/>
      <c r="L3" s="24"/>
      <c r="M3" s="24"/>
      <c r="N3" s="24"/>
    </row>
    <row r="4" spans="1:14" ht="13" customHeight="1" x14ac:dyDescent="0.35">
      <c r="A4" s="16"/>
      <c r="B4" s="16"/>
      <c r="C4" s="16"/>
      <c r="D4" s="16"/>
      <c r="E4" s="16"/>
      <c r="F4" s="16"/>
      <c r="G4" s="16"/>
      <c r="H4" s="16"/>
      <c r="K4" s="24"/>
      <c r="L4" s="24"/>
      <c r="M4" s="24"/>
      <c r="N4" s="24"/>
    </row>
    <row r="5" spans="1:14" ht="13" customHeight="1" x14ac:dyDescent="0.35">
      <c r="A5" s="16"/>
      <c r="B5" s="16"/>
      <c r="C5" s="16"/>
      <c r="D5" s="16"/>
      <c r="E5" s="16"/>
      <c r="F5" s="16"/>
      <c r="G5" s="16"/>
      <c r="H5" s="16"/>
      <c r="K5" s="24"/>
      <c r="L5" s="24"/>
      <c r="M5" s="24"/>
      <c r="N5" s="24"/>
    </row>
    <row r="6" spans="1:14" x14ac:dyDescent="0.35">
      <c r="A6" s="16"/>
      <c r="B6" s="16"/>
      <c r="C6" s="16"/>
      <c r="D6" s="16"/>
      <c r="E6" s="16"/>
      <c r="F6" s="16"/>
      <c r="G6" s="16"/>
      <c r="H6" s="16"/>
      <c r="K6" s="25"/>
      <c r="L6" s="25"/>
      <c r="M6" s="25"/>
      <c r="N6" s="25"/>
    </row>
    <row r="7" spans="1:14" x14ac:dyDescent="0.35">
      <c r="A7" s="16"/>
      <c r="B7" s="16"/>
      <c r="C7" s="16"/>
      <c r="D7" s="16"/>
      <c r="E7" s="16"/>
      <c r="F7" s="16"/>
      <c r="G7" s="16"/>
      <c r="H7" s="16"/>
    </row>
    <row r="8" spans="1:14" x14ac:dyDescent="0.35">
      <c r="A8" s="16"/>
      <c r="B8" s="16"/>
      <c r="C8" s="16"/>
      <c r="D8" s="16"/>
      <c r="E8" s="16"/>
      <c r="F8" s="16"/>
      <c r="G8" s="16"/>
      <c r="H8" s="16"/>
      <c r="J8" s="14" t="s">
        <v>213</v>
      </c>
      <c r="K8" s="12" t="s">
        <v>214</v>
      </c>
      <c r="L8" s="12" t="s">
        <v>215</v>
      </c>
      <c r="M8" s="12" t="s">
        <v>216</v>
      </c>
      <c r="N8" s="12" t="s">
        <v>217</v>
      </c>
    </row>
    <row r="9" spans="1:14" x14ac:dyDescent="0.35">
      <c r="A9" s="16"/>
      <c r="B9" s="16"/>
      <c r="C9" s="16"/>
      <c r="D9" s="16"/>
      <c r="E9" s="16"/>
      <c r="F9" s="16"/>
      <c r="G9" s="16"/>
      <c r="H9" s="16"/>
      <c r="K9" s="20" t="s">
        <v>218</v>
      </c>
      <c r="L9" s="20"/>
      <c r="M9" s="20"/>
      <c r="N9" s="20"/>
    </row>
    <row r="10" spans="1:14" x14ac:dyDescent="0.35">
      <c r="A10" s="16"/>
      <c r="B10" s="16"/>
      <c r="C10" s="16"/>
      <c r="D10" s="16"/>
      <c r="E10" s="16"/>
      <c r="F10" s="16"/>
      <c r="G10" s="16"/>
      <c r="H10" s="16"/>
      <c r="K10" s="21"/>
      <c r="L10" s="21"/>
      <c r="M10" s="21"/>
      <c r="N10" s="21"/>
    </row>
    <row r="11" spans="1:14" x14ac:dyDescent="0.35">
      <c r="A11" s="16"/>
      <c r="B11" s="16"/>
      <c r="C11" s="16"/>
      <c r="D11" s="16"/>
      <c r="E11" s="16"/>
      <c r="F11" s="16"/>
      <c r="G11" s="16"/>
      <c r="H11" s="16"/>
      <c r="K11" s="22"/>
      <c r="L11" s="22"/>
      <c r="M11" s="22"/>
      <c r="N11" s="22"/>
    </row>
    <row r="12" spans="1:14" x14ac:dyDescent="0.35">
      <c r="A12" s="16"/>
      <c r="B12" s="16"/>
      <c r="C12" s="16"/>
      <c r="D12" s="16"/>
      <c r="E12" s="16"/>
      <c r="F12" s="16"/>
      <c r="G12" s="16"/>
      <c r="H12" s="16"/>
    </row>
    <row r="14" spans="1:14" ht="13" customHeight="1" x14ac:dyDescent="0.35"/>
    <row r="15" spans="1:14" ht="26.5" x14ac:dyDescent="0.65">
      <c r="A15" s="17" t="s">
        <v>1</v>
      </c>
      <c r="B15" s="18"/>
      <c r="C15" s="18"/>
      <c r="D15" s="18"/>
      <c r="E15" s="18"/>
      <c r="F15" s="18"/>
      <c r="G15" s="19"/>
      <c r="H15" s="8"/>
      <c r="K15" s="13"/>
      <c r="L15" s="13"/>
      <c r="M15" s="13"/>
    </row>
    <row r="16" spans="1:14" ht="90" x14ac:dyDescent="0.4">
      <c r="A16" s="9" t="s">
        <v>2</v>
      </c>
      <c r="B16" s="10" t="s">
        <v>3</v>
      </c>
      <c r="C16" s="10" t="s">
        <v>4</v>
      </c>
      <c r="D16" s="10" t="s">
        <v>5</v>
      </c>
      <c r="E16" s="9" t="s">
        <v>6</v>
      </c>
      <c r="F16" s="11" t="s">
        <v>7</v>
      </c>
      <c r="G16" s="9" t="s">
        <v>8</v>
      </c>
      <c r="H16" s="8" t="s">
        <v>9</v>
      </c>
    </row>
    <row r="17" spans="1:8" ht="14.5" x14ac:dyDescent="0.35">
      <c r="A17" s="1" t="s">
        <v>10</v>
      </c>
      <c r="B17" s="2" t="s">
        <v>17</v>
      </c>
      <c r="C17" s="1" t="s">
        <v>12</v>
      </c>
      <c r="D17" s="1" t="s">
        <v>13</v>
      </c>
      <c r="E17" s="3">
        <v>1500</v>
      </c>
      <c r="F17" s="4">
        <v>250</v>
      </c>
      <c r="G17" s="5">
        <v>250</v>
      </c>
      <c r="H17" s="6">
        <v>50</v>
      </c>
    </row>
    <row r="18" spans="1:8" ht="14.5" customHeight="1" x14ac:dyDescent="0.35">
      <c r="A18" s="1" t="s">
        <v>10</v>
      </c>
      <c r="B18" s="2" t="s">
        <v>219</v>
      </c>
      <c r="C18" s="1" t="s">
        <v>12</v>
      </c>
      <c r="D18" s="1" t="s">
        <v>13</v>
      </c>
      <c r="E18" s="3">
        <v>1500</v>
      </c>
      <c r="F18" s="4">
        <v>280</v>
      </c>
      <c r="G18" s="5">
        <v>250</v>
      </c>
      <c r="H18" s="6">
        <v>50</v>
      </c>
    </row>
    <row r="19" spans="1:8" ht="14.5" x14ac:dyDescent="0.35">
      <c r="A19" s="1" t="s">
        <v>10</v>
      </c>
      <c r="B19" s="2" t="s">
        <v>220</v>
      </c>
      <c r="C19" s="1" t="s">
        <v>12</v>
      </c>
      <c r="D19" s="1" t="s">
        <v>13</v>
      </c>
      <c r="E19" s="3">
        <v>1500</v>
      </c>
      <c r="F19" s="4">
        <v>315</v>
      </c>
      <c r="G19" s="5">
        <v>250</v>
      </c>
      <c r="H19" s="6">
        <v>50</v>
      </c>
    </row>
    <row r="20" spans="1:8" ht="14.5" x14ac:dyDescent="0.35">
      <c r="A20" s="1" t="s">
        <v>10</v>
      </c>
      <c r="B20" s="2" t="s">
        <v>221</v>
      </c>
      <c r="C20" s="1" t="s">
        <v>12</v>
      </c>
      <c r="D20" s="1" t="s">
        <v>13</v>
      </c>
      <c r="E20" s="3">
        <v>1500</v>
      </c>
      <c r="F20" s="4">
        <v>350</v>
      </c>
      <c r="G20" s="5">
        <v>250</v>
      </c>
      <c r="H20" s="6">
        <v>50</v>
      </c>
    </row>
    <row r="21" spans="1:8" ht="14.5" x14ac:dyDescent="0.35">
      <c r="A21" s="1" t="s">
        <v>10</v>
      </c>
      <c r="B21" s="2" t="s">
        <v>222</v>
      </c>
      <c r="C21" s="1" t="s">
        <v>12</v>
      </c>
      <c r="D21" s="1" t="s">
        <v>13</v>
      </c>
      <c r="E21" s="3">
        <v>1500</v>
      </c>
      <c r="F21" s="4">
        <v>400</v>
      </c>
      <c r="G21" s="5">
        <v>250</v>
      </c>
      <c r="H21" s="6">
        <v>50</v>
      </c>
    </row>
    <row r="22" spans="1:8" ht="14.5" x14ac:dyDescent="0.35">
      <c r="A22" s="1" t="s">
        <v>10</v>
      </c>
      <c r="B22" s="2" t="s">
        <v>223</v>
      </c>
      <c r="C22" s="1" t="s">
        <v>12</v>
      </c>
      <c r="D22" s="1" t="s">
        <v>13</v>
      </c>
      <c r="E22" s="3">
        <v>1500</v>
      </c>
      <c r="F22" s="4">
        <v>450</v>
      </c>
      <c r="G22" s="5">
        <v>250</v>
      </c>
      <c r="H22" s="6">
        <v>50</v>
      </c>
    </row>
    <row r="23" spans="1:8" ht="14.5" x14ac:dyDescent="0.35">
      <c r="A23" s="1" t="s">
        <v>10</v>
      </c>
      <c r="B23" s="2" t="s">
        <v>224</v>
      </c>
      <c r="C23" s="1" t="s">
        <v>12</v>
      </c>
      <c r="D23" s="1" t="s">
        <v>13</v>
      </c>
      <c r="E23" s="3">
        <v>1500</v>
      </c>
      <c r="F23" s="4">
        <v>500</v>
      </c>
      <c r="G23" s="5">
        <v>250</v>
      </c>
      <c r="H23" s="6">
        <v>50</v>
      </c>
    </row>
    <row r="24" spans="1:8" ht="14.5" x14ac:dyDescent="0.35">
      <c r="A24" s="1" t="s">
        <v>10</v>
      </c>
      <c r="B24" s="2" t="s">
        <v>225</v>
      </c>
      <c r="C24" s="1" t="s">
        <v>12</v>
      </c>
      <c r="D24" s="1" t="s">
        <v>13</v>
      </c>
      <c r="E24" s="3">
        <v>1500</v>
      </c>
      <c r="F24" s="4">
        <v>550</v>
      </c>
      <c r="G24" s="5">
        <v>250</v>
      </c>
      <c r="H24" s="6">
        <v>50</v>
      </c>
    </row>
    <row r="25" spans="1:8" ht="14.5" x14ac:dyDescent="0.35">
      <c r="A25" s="1" t="s">
        <v>10</v>
      </c>
      <c r="B25" s="2" t="s">
        <v>226</v>
      </c>
      <c r="C25" s="1" t="s">
        <v>12</v>
      </c>
      <c r="D25" s="1" t="s">
        <v>13</v>
      </c>
      <c r="E25" s="3">
        <v>1500</v>
      </c>
      <c r="F25" s="4">
        <v>630</v>
      </c>
      <c r="G25" s="5">
        <v>250</v>
      </c>
      <c r="H25" s="6">
        <v>50</v>
      </c>
    </row>
    <row r="26" spans="1:8" ht="14.5" x14ac:dyDescent="0.35">
      <c r="A26" s="1" t="s">
        <v>10</v>
      </c>
      <c r="B26" s="2" t="s">
        <v>227</v>
      </c>
      <c r="C26" s="1" t="s">
        <v>83</v>
      </c>
      <c r="D26" s="1" t="s">
        <v>13</v>
      </c>
      <c r="E26" s="3">
        <v>1500</v>
      </c>
      <c r="F26" s="4">
        <v>450</v>
      </c>
      <c r="G26" s="5">
        <v>250</v>
      </c>
      <c r="H26" s="6">
        <v>50</v>
      </c>
    </row>
    <row r="27" spans="1:8" ht="14.5" x14ac:dyDescent="0.35">
      <c r="A27" s="1" t="s">
        <v>10</v>
      </c>
      <c r="B27" s="2" t="s">
        <v>228</v>
      </c>
      <c r="C27" s="1" t="s">
        <v>83</v>
      </c>
      <c r="D27" s="1" t="s">
        <v>13</v>
      </c>
      <c r="E27" s="3">
        <v>1500</v>
      </c>
      <c r="F27" s="4">
        <v>500</v>
      </c>
      <c r="G27" s="5">
        <v>250</v>
      </c>
      <c r="H27" s="6">
        <v>50</v>
      </c>
    </row>
    <row r="28" spans="1:8" ht="14.5" x14ac:dyDescent="0.35">
      <c r="A28" s="1" t="s">
        <v>10</v>
      </c>
      <c r="B28" s="2" t="s">
        <v>229</v>
      </c>
      <c r="C28" s="1" t="s">
        <v>83</v>
      </c>
      <c r="D28" s="1" t="s">
        <v>13</v>
      </c>
      <c r="E28" s="3">
        <v>1500</v>
      </c>
      <c r="F28" s="4">
        <v>550</v>
      </c>
      <c r="G28" s="5">
        <v>250</v>
      </c>
      <c r="H28" s="6">
        <v>50</v>
      </c>
    </row>
    <row r="29" spans="1:8" ht="14.5" x14ac:dyDescent="0.35">
      <c r="A29" s="1" t="s">
        <v>10</v>
      </c>
      <c r="B29" s="2" t="s">
        <v>230</v>
      </c>
      <c r="C29" s="1" t="s">
        <v>83</v>
      </c>
      <c r="D29" s="1" t="s">
        <v>13</v>
      </c>
      <c r="E29" s="3">
        <v>1500</v>
      </c>
      <c r="F29" s="4">
        <v>630</v>
      </c>
      <c r="G29" s="5">
        <v>250</v>
      </c>
      <c r="H29" s="6">
        <v>50</v>
      </c>
    </row>
    <row r="30" spans="1:8" ht="14.5" x14ac:dyDescent="0.35">
      <c r="A30" s="1" t="s">
        <v>18</v>
      </c>
      <c r="B30" s="2" t="s">
        <v>37</v>
      </c>
      <c r="C30" s="1" t="s">
        <v>34</v>
      </c>
      <c r="D30" s="1" t="s">
        <v>21</v>
      </c>
      <c r="E30" s="3">
        <v>1500</v>
      </c>
      <c r="F30" s="4">
        <v>250</v>
      </c>
      <c r="G30" s="5">
        <v>100</v>
      </c>
      <c r="H30" s="6">
        <v>50</v>
      </c>
    </row>
    <row r="31" spans="1:8" ht="14.5" x14ac:dyDescent="0.35">
      <c r="A31" s="1" t="s">
        <v>18</v>
      </c>
      <c r="B31" s="2" t="s">
        <v>231</v>
      </c>
      <c r="C31" s="1" t="s">
        <v>34</v>
      </c>
      <c r="D31" s="1" t="s">
        <v>21</v>
      </c>
      <c r="E31" s="3">
        <v>1500</v>
      </c>
      <c r="F31" s="4">
        <v>300</v>
      </c>
      <c r="G31" s="5">
        <v>100</v>
      </c>
      <c r="H31" s="6">
        <v>50</v>
      </c>
    </row>
    <row r="32" spans="1:8" ht="14.5" x14ac:dyDescent="0.35">
      <c r="A32" s="1" t="s">
        <v>18</v>
      </c>
      <c r="B32" s="2" t="s">
        <v>232</v>
      </c>
      <c r="C32" s="1" t="s">
        <v>34</v>
      </c>
      <c r="D32" s="1" t="s">
        <v>21</v>
      </c>
      <c r="E32" s="3">
        <v>1500</v>
      </c>
      <c r="F32" s="4">
        <v>315</v>
      </c>
      <c r="G32" s="5">
        <v>100</v>
      </c>
      <c r="H32" s="6">
        <v>50</v>
      </c>
    </row>
    <row r="33" spans="1:8" ht="14.5" x14ac:dyDescent="0.35">
      <c r="A33" s="1" t="s">
        <v>18</v>
      </c>
      <c r="B33" s="2" t="s">
        <v>233</v>
      </c>
      <c r="C33" s="1" t="s">
        <v>34</v>
      </c>
      <c r="D33" s="1" t="s">
        <v>21</v>
      </c>
      <c r="E33" s="3">
        <v>1500</v>
      </c>
      <c r="F33" s="4">
        <v>350</v>
      </c>
      <c r="G33" s="5">
        <v>100</v>
      </c>
      <c r="H33" s="6">
        <v>50</v>
      </c>
    </row>
    <row r="34" spans="1:8" ht="14.5" x14ac:dyDescent="0.35">
      <c r="A34" s="1" t="s">
        <v>18</v>
      </c>
      <c r="B34" s="2" t="s">
        <v>234</v>
      </c>
      <c r="C34" s="1" t="s">
        <v>34</v>
      </c>
      <c r="D34" s="1" t="s">
        <v>21</v>
      </c>
      <c r="E34" s="3">
        <v>1500</v>
      </c>
      <c r="F34" s="4">
        <v>400</v>
      </c>
      <c r="G34" s="5">
        <v>100</v>
      </c>
      <c r="H34" s="6">
        <v>50</v>
      </c>
    </row>
    <row r="35" spans="1:8" ht="14.5" x14ac:dyDescent="0.35">
      <c r="A35" s="1" t="s">
        <v>18</v>
      </c>
      <c r="B35" s="2" t="s">
        <v>38</v>
      </c>
      <c r="C35" s="1" t="s">
        <v>39</v>
      </c>
      <c r="D35" s="1" t="s">
        <v>21</v>
      </c>
      <c r="E35" s="3">
        <v>1500</v>
      </c>
      <c r="F35" s="4">
        <v>250</v>
      </c>
      <c r="G35" s="5">
        <v>170</v>
      </c>
      <c r="H35" s="6">
        <v>50</v>
      </c>
    </row>
    <row r="36" spans="1:8" ht="14.5" x14ac:dyDescent="0.35">
      <c r="A36" s="1" t="s">
        <v>18</v>
      </c>
      <c r="B36" s="2" t="s">
        <v>235</v>
      </c>
      <c r="C36" s="1" t="s">
        <v>39</v>
      </c>
      <c r="D36" s="1" t="s">
        <v>21</v>
      </c>
      <c r="E36" s="3">
        <v>1500</v>
      </c>
      <c r="F36" s="4">
        <v>320</v>
      </c>
      <c r="G36" s="5">
        <v>170</v>
      </c>
      <c r="H36" s="6">
        <v>50</v>
      </c>
    </row>
    <row r="37" spans="1:8" ht="14.5" x14ac:dyDescent="0.35">
      <c r="A37" s="1" t="s">
        <v>18</v>
      </c>
      <c r="B37" s="2" t="s">
        <v>236</v>
      </c>
      <c r="C37" s="1" t="s">
        <v>39</v>
      </c>
      <c r="D37" s="1" t="s">
        <v>21</v>
      </c>
      <c r="E37" s="3">
        <v>1500</v>
      </c>
      <c r="F37" s="4">
        <v>400</v>
      </c>
      <c r="G37" s="5">
        <v>170</v>
      </c>
      <c r="H37" s="6">
        <v>50</v>
      </c>
    </row>
    <row r="38" spans="1:8" ht="14.5" x14ac:dyDescent="0.35">
      <c r="A38" s="1" t="s">
        <v>18</v>
      </c>
      <c r="B38" s="2" t="s">
        <v>237</v>
      </c>
      <c r="C38" s="1" t="s">
        <v>39</v>
      </c>
      <c r="D38" s="1" t="s">
        <v>21</v>
      </c>
      <c r="E38" s="3">
        <v>1500</v>
      </c>
      <c r="F38" s="4">
        <v>500</v>
      </c>
      <c r="G38" s="5">
        <v>170</v>
      </c>
      <c r="H38" s="6">
        <v>50</v>
      </c>
    </row>
    <row r="39" spans="1:8" ht="14.5" x14ac:dyDescent="0.35">
      <c r="A39" s="1" t="s">
        <v>18</v>
      </c>
      <c r="B39" s="2" t="s">
        <v>238</v>
      </c>
      <c r="C39" s="1" t="s">
        <v>39</v>
      </c>
      <c r="D39" s="1" t="s">
        <v>21</v>
      </c>
      <c r="E39" s="3">
        <v>1500</v>
      </c>
      <c r="F39" s="4">
        <v>600</v>
      </c>
      <c r="G39" s="5">
        <v>170</v>
      </c>
      <c r="H39" s="6">
        <v>50</v>
      </c>
    </row>
    <row r="40" spans="1:8" ht="14.5" x14ac:dyDescent="0.35">
      <c r="A40" s="1" t="s">
        <v>18</v>
      </c>
      <c r="B40" s="2" t="s">
        <v>239</v>
      </c>
      <c r="C40" s="1" t="s">
        <v>39</v>
      </c>
      <c r="D40" s="1" t="s">
        <v>21</v>
      </c>
      <c r="E40" s="3">
        <v>1500</v>
      </c>
      <c r="F40" s="4">
        <v>630</v>
      </c>
      <c r="G40" s="5">
        <v>170</v>
      </c>
      <c r="H40" s="6">
        <v>50</v>
      </c>
    </row>
    <row r="41" spans="1:8" ht="14.5" x14ac:dyDescent="0.35">
      <c r="A41" s="1" t="s">
        <v>18</v>
      </c>
      <c r="B41" s="2" t="s">
        <v>42</v>
      </c>
      <c r="C41" s="1" t="s">
        <v>41</v>
      </c>
      <c r="D41" s="1" t="s">
        <v>21</v>
      </c>
      <c r="E41" s="3">
        <v>1500</v>
      </c>
      <c r="F41" s="4">
        <v>250</v>
      </c>
      <c r="G41" s="5">
        <v>100</v>
      </c>
      <c r="H41" s="6">
        <v>50</v>
      </c>
    </row>
    <row r="42" spans="1:8" ht="14.5" x14ac:dyDescent="0.35">
      <c r="A42" s="1" t="s">
        <v>18</v>
      </c>
      <c r="B42" s="2" t="s">
        <v>240</v>
      </c>
      <c r="C42" s="1" t="s">
        <v>41</v>
      </c>
      <c r="D42" s="1" t="s">
        <v>21</v>
      </c>
      <c r="E42" s="3">
        <v>1500</v>
      </c>
      <c r="F42" s="4">
        <v>315</v>
      </c>
      <c r="G42" s="5">
        <v>100</v>
      </c>
      <c r="H42" s="6">
        <v>50</v>
      </c>
    </row>
    <row r="43" spans="1:8" ht="14.5" x14ac:dyDescent="0.35">
      <c r="A43" s="1" t="s">
        <v>18</v>
      </c>
      <c r="B43" s="1" t="s">
        <v>241</v>
      </c>
      <c r="C43" s="1" t="s">
        <v>41</v>
      </c>
      <c r="D43" s="1" t="s">
        <v>21</v>
      </c>
      <c r="E43" s="3">
        <v>1500</v>
      </c>
      <c r="F43" s="4">
        <v>350</v>
      </c>
      <c r="G43" s="5">
        <v>100</v>
      </c>
      <c r="H43" s="6">
        <v>50</v>
      </c>
    </row>
    <row r="44" spans="1:8" ht="14.5" x14ac:dyDescent="0.35">
      <c r="A44" s="1" t="s">
        <v>18</v>
      </c>
      <c r="B44" s="1" t="s">
        <v>242</v>
      </c>
      <c r="C44" s="1" t="s">
        <v>41</v>
      </c>
      <c r="D44" s="1" t="s">
        <v>21</v>
      </c>
      <c r="E44" s="3">
        <v>1500</v>
      </c>
      <c r="F44" s="4">
        <v>400</v>
      </c>
      <c r="G44" s="5">
        <v>100</v>
      </c>
      <c r="H44" s="6">
        <v>50</v>
      </c>
    </row>
    <row r="45" spans="1:8" ht="14.5" x14ac:dyDescent="0.35">
      <c r="A45" s="1" t="s">
        <v>18</v>
      </c>
      <c r="B45" s="1" t="s">
        <v>243</v>
      </c>
      <c r="C45" s="1" t="s">
        <v>41</v>
      </c>
      <c r="D45" s="1" t="s">
        <v>21</v>
      </c>
      <c r="E45" s="3">
        <v>1500</v>
      </c>
      <c r="F45" s="4">
        <v>450</v>
      </c>
      <c r="G45" s="5">
        <v>100</v>
      </c>
      <c r="H45" s="6">
        <v>50</v>
      </c>
    </row>
    <row r="46" spans="1:8" ht="14.5" x14ac:dyDescent="0.35">
      <c r="A46" s="1" t="s">
        <v>18</v>
      </c>
      <c r="B46" s="1" t="s">
        <v>244</v>
      </c>
      <c r="C46" s="1" t="s">
        <v>41</v>
      </c>
      <c r="D46" s="1" t="s">
        <v>21</v>
      </c>
      <c r="E46" s="3">
        <v>1500</v>
      </c>
      <c r="F46" s="4">
        <v>500</v>
      </c>
      <c r="G46" s="5">
        <v>100</v>
      </c>
      <c r="H46" s="6">
        <v>50</v>
      </c>
    </row>
    <row r="47" spans="1:8" ht="14.5" x14ac:dyDescent="0.35">
      <c r="A47" s="1" t="s">
        <v>18</v>
      </c>
      <c r="B47" s="1" t="s">
        <v>245</v>
      </c>
      <c r="C47" s="1" t="s">
        <v>41</v>
      </c>
      <c r="D47" s="1" t="s">
        <v>21</v>
      </c>
      <c r="E47" s="3">
        <v>1500</v>
      </c>
      <c r="F47" s="4">
        <v>550</v>
      </c>
      <c r="G47" s="5">
        <v>100</v>
      </c>
      <c r="H47" s="6">
        <v>50</v>
      </c>
    </row>
    <row r="48" spans="1:8" ht="14.5" x14ac:dyDescent="0.35">
      <c r="A48" s="1" t="s">
        <v>18</v>
      </c>
      <c r="B48" s="1" t="s">
        <v>246</v>
      </c>
      <c r="C48" s="1" t="s">
        <v>41</v>
      </c>
      <c r="D48" s="1" t="s">
        <v>21</v>
      </c>
      <c r="E48" s="3">
        <v>1500</v>
      </c>
      <c r="F48" s="4">
        <v>630</v>
      </c>
      <c r="G48" s="5">
        <v>100</v>
      </c>
      <c r="H48" s="6">
        <v>50</v>
      </c>
    </row>
    <row r="49" spans="1:8" ht="14.5" x14ac:dyDescent="0.35">
      <c r="A49" s="1" t="s">
        <v>18</v>
      </c>
      <c r="B49" s="1" t="s">
        <v>247</v>
      </c>
      <c r="C49" s="1" t="s">
        <v>248</v>
      </c>
      <c r="D49" s="1" t="s">
        <v>21</v>
      </c>
      <c r="E49" s="3">
        <v>1500</v>
      </c>
      <c r="F49" s="4">
        <v>630</v>
      </c>
      <c r="G49" s="5">
        <v>100</v>
      </c>
      <c r="H49" s="6">
        <v>50</v>
      </c>
    </row>
    <row r="50" spans="1:8" ht="14.5" x14ac:dyDescent="0.35">
      <c r="A50" s="1" t="s">
        <v>43</v>
      </c>
      <c r="B50" s="2" t="s">
        <v>46</v>
      </c>
      <c r="C50" s="1">
        <v>72</v>
      </c>
      <c r="D50" s="1" t="s">
        <v>21</v>
      </c>
      <c r="E50" s="3">
        <v>1500</v>
      </c>
      <c r="F50" s="4">
        <v>250</v>
      </c>
      <c r="G50" s="5">
        <v>100</v>
      </c>
      <c r="H50" s="6">
        <v>50</v>
      </c>
    </row>
    <row r="51" spans="1:8" ht="14.5" x14ac:dyDescent="0.35">
      <c r="A51" s="1" t="s">
        <v>43</v>
      </c>
      <c r="B51" s="2" t="s">
        <v>249</v>
      </c>
      <c r="C51" s="1">
        <v>72</v>
      </c>
      <c r="D51" s="1" t="s">
        <v>21</v>
      </c>
      <c r="E51" s="3">
        <v>1500</v>
      </c>
      <c r="F51" s="4">
        <v>315</v>
      </c>
      <c r="G51" s="5">
        <v>100</v>
      </c>
      <c r="H51" s="6">
        <v>50</v>
      </c>
    </row>
    <row r="52" spans="1:8" ht="14.5" x14ac:dyDescent="0.35">
      <c r="A52" s="1" t="s">
        <v>43</v>
      </c>
      <c r="B52" s="2" t="s">
        <v>250</v>
      </c>
      <c r="C52" s="1">
        <v>72</v>
      </c>
      <c r="D52" s="1" t="s">
        <v>21</v>
      </c>
      <c r="E52" s="3">
        <v>1500</v>
      </c>
      <c r="F52" s="4">
        <v>350</v>
      </c>
      <c r="G52" s="5">
        <v>100</v>
      </c>
      <c r="H52" s="6">
        <v>50</v>
      </c>
    </row>
    <row r="53" spans="1:8" ht="14.5" x14ac:dyDescent="0.35">
      <c r="A53" s="1" t="s">
        <v>43</v>
      </c>
      <c r="B53" s="2" t="s">
        <v>251</v>
      </c>
      <c r="C53" s="1">
        <v>72</v>
      </c>
      <c r="D53" s="1" t="s">
        <v>21</v>
      </c>
      <c r="E53" s="3">
        <v>1500</v>
      </c>
      <c r="F53" s="4">
        <v>400</v>
      </c>
      <c r="G53" s="5">
        <v>100</v>
      </c>
      <c r="H53" s="6">
        <v>50</v>
      </c>
    </row>
    <row r="54" spans="1:8" ht="14.5" x14ac:dyDescent="0.35">
      <c r="A54" s="1" t="s">
        <v>43</v>
      </c>
      <c r="B54" s="2" t="s">
        <v>252</v>
      </c>
      <c r="C54" s="1">
        <v>72</v>
      </c>
      <c r="D54" s="1" t="s">
        <v>21</v>
      </c>
      <c r="E54" s="3">
        <v>1500</v>
      </c>
      <c r="F54" s="4">
        <v>420</v>
      </c>
      <c r="G54" s="5">
        <v>100</v>
      </c>
      <c r="H54" s="6">
        <v>50</v>
      </c>
    </row>
    <row r="55" spans="1:8" ht="14.5" x14ac:dyDescent="0.35">
      <c r="A55" s="1" t="s">
        <v>47</v>
      </c>
      <c r="B55" s="2" t="s">
        <v>53</v>
      </c>
      <c r="C55" s="1" t="s">
        <v>49</v>
      </c>
      <c r="D55" s="1" t="s">
        <v>21</v>
      </c>
      <c r="E55" s="3">
        <v>1500</v>
      </c>
      <c r="F55" s="4">
        <v>250</v>
      </c>
      <c r="G55" s="5">
        <v>250</v>
      </c>
      <c r="H55" s="6">
        <v>50</v>
      </c>
    </row>
    <row r="56" spans="1:8" ht="14.5" x14ac:dyDescent="0.35">
      <c r="A56" s="1" t="s">
        <v>47</v>
      </c>
      <c r="B56" s="2" t="s">
        <v>253</v>
      </c>
      <c r="C56" s="1" t="s">
        <v>49</v>
      </c>
      <c r="D56" s="1" t="s">
        <v>21</v>
      </c>
      <c r="E56" s="3">
        <v>1500</v>
      </c>
      <c r="F56" s="4">
        <v>315</v>
      </c>
      <c r="G56" s="5">
        <v>250</v>
      </c>
      <c r="H56" s="6">
        <v>50</v>
      </c>
    </row>
    <row r="57" spans="1:8" ht="14.5" x14ac:dyDescent="0.35">
      <c r="A57" s="1" t="s">
        <v>47</v>
      </c>
      <c r="B57" s="2" t="s">
        <v>254</v>
      </c>
      <c r="C57" s="1" t="s">
        <v>49</v>
      </c>
      <c r="D57" s="1" t="s">
        <v>21</v>
      </c>
      <c r="E57" s="3">
        <v>1500</v>
      </c>
      <c r="F57" s="4">
        <v>350</v>
      </c>
      <c r="G57" s="5">
        <v>250</v>
      </c>
      <c r="H57" s="6">
        <v>50</v>
      </c>
    </row>
    <row r="58" spans="1:8" ht="14.5" x14ac:dyDescent="0.35">
      <c r="A58" s="1" t="s">
        <v>47</v>
      </c>
      <c r="B58" s="2" t="s">
        <v>255</v>
      </c>
      <c r="C58" s="1" t="s">
        <v>49</v>
      </c>
      <c r="D58" s="1" t="s">
        <v>21</v>
      </c>
      <c r="E58" s="3">
        <v>1500</v>
      </c>
      <c r="F58" s="4">
        <v>400</v>
      </c>
      <c r="G58" s="5">
        <v>250</v>
      </c>
      <c r="H58" s="6">
        <v>50</v>
      </c>
    </row>
    <row r="59" spans="1:8" ht="14.5" x14ac:dyDescent="0.35">
      <c r="A59" s="1" t="s">
        <v>47</v>
      </c>
      <c r="B59" s="2" t="s">
        <v>256</v>
      </c>
      <c r="C59" s="1" t="s">
        <v>49</v>
      </c>
      <c r="D59" s="1" t="s">
        <v>21</v>
      </c>
      <c r="E59" s="3">
        <v>1500</v>
      </c>
      <c r="F59" s="4">
        <v>450</v>
      </c>
      <c r="G59" s="5">
        <v>250</v>
      </c>
      <c r="H59" s="6">
        <v>50</v>
      </c>
    </row>
    <row r="60" spans="1:8" ht="14.5" x14ac:dyDescent="0.35">
      <c r="A60" s="1" t="s">
        <v>43</v>
      </c>
      <c r="B60" s="2" t="s">
        <v>60</v>
      </c>
      <c r="C60" s="1" t="s">
        <v>55</v>
      </c>
      <c r="D60" s="1" t="s">
        <v>56</v>
      </c>
      <c r="E60" s="3">
        <v>1500</v>
      </c>
      <c r="F60" s="4">
        <v>250</v>
      </c>
      <c r="G60" s="5">
        <v>250</v>
      </c>
      <c r="H60" s="6">
        <v>50</v>
      </c>
    </row>
    <row r="61" spans="1:8" ht="14.5" x14ac:dyDescent="0.35">
      <c r="A61" s="1" t="s">
        <v>43</v>
      </c>
      <c r="B61" s="2" t="s">
        <v>62</v>
      </c>
      <c r="C61" s="1" t="s">
        <v>55</v>
      </c>
      <c r="D61" s="1" t="s">
        <v>56</v>
      </c>
      <c r="E61" s="3">
        <v>1500</v>
      </c>
      <c r="F61" s="4">
        <v>250</v>
      </c>
      <c r="G61" s="5">
        <v>250</v>
      </c>
      <c r="H61" s="6">
        <v>50</v>
      </c>
    </row>
    <row r="62" spans="1:8" ht="14.5" x14ac:dyDescent="0.35">
      <c r="A62" s="1" t="s">
        <v>43</v>
      </c>
      <c r="B62" s="2" t="s">
        <v>257</v>
      </c>
      <c r="C62" s="1" t="s">
        <v>55</v>
      </c>
      <c r="D62" s="1" t="s">
        <v>56</v>
      </c>
      <c r="E62" s="3">
        <v>1500</v>
      </c>
      <c r="F62" s="4">
        <v>300</v>
      </c>
      <c r="G62" s="5">
        <v>250</v>
      </c>
      <c r="H62" s="6">
        <v>50</v>
      </c>
    </row>
    <row r="63" spans="1:8" ht="14.5" x14ac:dyDescent="0.35">
      <c r="A63" s="1" t="s">
        <v>43</v>
      </c>
      <c r="B63" s="2" t="s">
        <v>258</v>
      </c>
      <c r="C63" s="1" t="s">
        <v>55</v>
      </c>
      <c r="D63" s="1" t="s">
        <v>56</v>
      </c>
      <c r="E63" s="3">
        <v>1500</v>
      </c>
      <c r="F63" s="4">
        <v>350</v>
      </c>
      <c r="G63" s="5">
        <v>250</v>
      </c>
      <c r="H63" s="6">
        <v>50</v>
      </c>
    </row>
    <row r="64" spans="1:8" ht="14.5" x14ac:dyDescent="0.35">
      <c r="A64" s="1" t="s">
        <v>43</v>
      </c>
      <c r="B64" s="2" t="s">
        <v>259</v>
      </c>
      <c r="C64" s="1" t="s">
        <v>55</v>
      </c>
      <c r="D64" s="1" t="s">
        <v>56</v>
      </c>
      <c r="E64" s="3">
        <v>1500</v>
      </c>
      <c r="F64" s="4">
        <v>400</v>
      </c>
      <c r="G64" s="5">
        <v>250</v>
      </c>
      <c r="H64" s="6">
        <v>50</v>
      </c>
    </row>
    <row r="65" spans="1:8" ht="14.5" x14ac:dyDescent="0.35">
      <c r="A65" s="1" t="s">
        <v>43</v>
      </c>
      <c r="B65" s="2" t="s">
        <v>260</v>
      </c>
      <c r="C65" s="1" t="s">
        <v>55</v>
      </c>
      <c r="D65" s="1" t="s">
        <v>56</v>
      </c>
      <c r="E65" s="3">
        <v>1500</v>
      </c>
      <c r="F65" s="4">
        <v>450</v>
      </c>
      <c r="G65" s="5">
        <v>250</v>
      </c>
      <c r="H65" s="6">
        <v>50</v>
      </c>
    </row>
    <row r="66" spans="1:8" ht="14.5" x14ac:dyDescent="0.35">
      <c r="A66" s="1" t="s">
        <v>43</v>
      </c>
      <c r="B66" s="2" t="s">
        <v>261</v>
      </c>
      <c r="C66" s="1" t="s">
        <v>55</v>
      </c>
      <c r="D66" s="1" t="s">
        <v>56</v>
      </c>
      <c r="E66" s="3">
        <v>1500</v>
      </c>
      <c r="F66" s="4">
        <v>500</v>
      </c>
      <c r="G66" s="5">
        <v>250</v>
      </c>
      <c r="H66" s="6">
        <v>50</v>
      </c>
    </row>
    <row r="67" spans="1:8" ht="14.5" x14ac:dyDescent="0.35">
      <c r="A67" s="1" t="s">
        <v>43</v>
      </c>
      <c r="B67" s="2" t="s">
        <v>262</v>
      </c>
      <c r="C67" s="1" t="s">
        <v>55</v>
      </c>
      <c r="D67" s="1" t="s">
        <v>56</v>
      </c>
      <c r="E67" s="3">
        <v>1500</v>
      </c>
      <c r="F67" s="4">
        <v>500</v>
      </c>
      <c r="G67" s="5">
        <v>250</v>
      </c>
      <c r="H67" s="6">
        <v>50</v>
      </c>
    </row>
    <row r="68" spans="1:8" ht="14.5" x14ac:dyDescent="0.35">
      <c r="A68" s="1" t="s">
        <v>43</v>
      </c>
      <c r="B68" s="2" t="s">
        <v>263</v>
      </c>
      <c r="C68" s="1" t="s">
        <v>55</v>
      </c>
      <c r="D68" s="1" t="s">
        <v>56</v>
      </c>
      <c r="E68" s="3">
        <v>1500</v>
      </c>
      <c r="F68" s="4">
        <v>550</v>
      </c>
      <c r="G68" s="5">
        <v>250</v>
      </c>
      <c r="H68" s="6">
        <v>50</v>
      </c>
    </row>
    <row r="69" spans="1:8" ht="14.5" x14ac:dyDescent="0.35">
      <c r="A69" s="1" t="s">
        <v>43</v>
      </c>
      <c r="B69" s="2" t="s">
        <v>264</v>
      </c>
      <c r="C69" s="1" t="s">
        <v>55</v>
      </c>
      <c r="D69" s="1" t="s">
        <v>56</v>
      </c>
      <c r="E69" s="3">
        <v>1500</v>
      </c>
      <c r="F69" s="4">
        <v>630</v>
      </c>
      <c r="G69" s="5">
        <v>250</v>
      </c>
      <c r="H69" s="6">
        <v>50</v>
      </c>
    </row>
    <row r="70" spans="1:8" ht="14.5" x14ac:dyDescent="0.35">
      <c r="A70" s="1" t="s">
        <v>63</v>
      </c>
      <c r="B70" s="1" t="s">
        <v>71</v>
      </c>
      <c r="C70" s="1" t="s">
        <v>70</v>
      </c>
      <c r="D70" s="1" t="s">
        <v>65</v>
      </c>
      <c r="E70" s="3">
        <v>1500</v>
      </c>
      <c r="F70" s="4">
        <v>250</v>
      </c>
      <c r="G70" s="5">
        <v>100</v>
      </c>
      <c r="H70" s="6">
        <v>50</v>
      </c>
    </row>
    <row r="71" spans="1:8" ht="14.5" x14ac:dyDescent="0.35">
      <c r="A71" s="1" t="s">
        <v>63</v>
      </c>
      <c r="B71" s="2" t="s">
        <v>265</v>
      </c>
      <c r="C71" s="1" t="s">
        <v>41</v>
      </c>
      <c r="D71" s="1" t="s">
        <v>65</v>
      </c>
      <c r="E71" s="3">
        <v>1500</v>
      </c>
      <c r="F71" s="4">
        <v>315</v>
      </c>
      <c r="G71" s="5">
        <v>100</v>
      </c>
      <c r="H71" s="6">
        <v>50</v>
      </c>
    </row>
    <row r="72" spans="1:8" ht="14.5" x14ac:dyDescent="0.35">
      <c r="A72" s="1" t="s">
        <v>63</v>
      </c>
      <c r="B72" s="2" t="s">
        <v>266</v>
      </c>
      <c r="C72" s="1" t="s">
        <v>41</v>
      </c>
      <c r="D72" s="1" t="s">
        <v>65</v>
      </c>
      <c r="E72" s="3">
        <v>1500</v>
      </c>
      <c r="F72" s="4">
        <v>350</v>
      </c>
      <c r="G72" s="5">
        <v>100</v>
      </c>
      <c r="H72" s="6">
        <v>50</v>
      </c>
    </row>
    <row r="73" spans="1:8" ht="14.5" x14ac:dyDescent="0.35">
      <c r="A73" s="1" t="s">
        <v>63</v>
      </c>
      <c r="B73" s="2" t="s">
        <v>267</v>
      </c>
      <c r="C73" s="1" t="s">
        <v>41</v>
      </c>
      <c r="D73" s="1" t="s">
        <v>65</v>
      </c>
      <c r="E73" s="3">
        <v>1500</v>
      </c>
      <c r="F73" s="4">
        <v>400</v>
      </c>
      <c r="G73" s="5">
        <v>100</v>
      </c>
      <c r="H73" s="6">
        <v>50</v>
      </c>
    </row>
    <row r="74" spans="1:8" ht="14.5" x14ac:dyDescent="0.35">
      <c r="A74" s="1" t="s">
        <v>63</v>
      </c>
      <c r="B74" s="2" t="s">
        <v>268</v>
      </c>
      <c r="C74" s="1" t="s">
        <v>41</v>
      </c>
      <c r="D74" s="1" t="s">
        <v>65</v>
      </c>
      <c r="E74" s="3">
        <v>1500</v>
      </c>
      <c r="F74" s="4">
        <v>450</v>
      </c>
      <c r="G74" s="5">
        <v>100</v>
      </c>
      <c r="H74" s="6">
        <v>50</v>
      </c>
    </row>
    <row r="75" spans="1:8" ht="14.5" x14ac:dyDescent="0.35">
      <c r="A75" s="1" t="s">
        <v>63</v>
      </c>
      <c r="B75" s="2" t="s">
        <v>269</v>
      </c>
      <c r="C75" s="1" t="s">
        <v>41</v>
      </c>
      <c r="D75" s="1" t="s">
        <v>65</v>
      </c>
      <c r="E75" s="3">
        <v>1500</v>
      </c>
      <c r="F75" s="4">
        <v>500</v>
      </c>
      <c r="G75" s="5">
        <v>100</v>
      </c>
      <c r="H75" s="6">
        <v>50</v>
      </c>
    </row>
    <row r="76" spans="1:8" ht="14.5" x14ac:dyDescent="0.35">
      <c r="A76" s="1" t="s">
        <v>63</v>
      </c>
      <c r="B76" s="2" t="s">
        <v>270</v>
      </c>
      <c r="C76" s="1" t="s">
        <v>41</v>
      </c>
      <c r="D76" s="1" t="s">
        <v>65</v>
      </c>
      <c r="E76" s="3">
        <v>1500</v>
      </c>
      <c r="F76" s="4">
        <v>630</v>
      </c>
      <c r="G76" s="5">
        <v>100</v>
      </c>
      <c r="H76" s="6">
        <v>50</v>
      </c>
    </row>
    <row r="77" spans="1:8" ht="14.5" x14ac:dyDescent="0.35">
      <c r="A77" s="1" t="s">
        <v>43</v>
      </c>
      <c r="B77" s="1" t="s">
        <v>77</v>
      </c>
      <c r="C77" s="1" t="s">
        <v>70</v>
      </c>
      <c r="D77" s="1" t="s">
        <v>65</v>
      </c>
      <c r="E77" s="3">
        <v>1500</v>
      </c>
      <c r="F77" s="4">
        <v>250</v>
      </c>
      <c r="G77" s="5">
        <v>50</v>
      </c>
      <c r="H77" s="6">
        <v>50</v>
      </c>
    </row>
    <row r="78" spans="1:8" ht="14.5" x14ac:dyDescent="0.35">
      <c r="A78" s="1" t="s">
        <v>43</v>
      </c>
      <c r="B78" s="1" t="s">
        <v>80</v>
      </c>
      <c r="C78" s="1" t="s">
        <v>41</v>
      </c>
      <c r="D78" s="1" t="s">
        <v>65</v>
      </c>
      <c r="E78" s="3">
        <v>1500</v>
      </c>
      <c r="F78" s="4">
        <v>250</v>
      </c>
      <c r="G78" s="5">
        <v>150</v>
      </c>
      <c r="H78" s="6">
        <v>50</v>
      </c>
    </row>
    <row r="79" spans="1:8" ht="14.5" x14ac:dyDescent="0.35">
      <c r="A79" s="1" t="s">
        <v>43</v>
      </c>
      <c r="B79" s="1" t="s">
        <v>271</v>
      </c>
      <c r="C79" s="1" t="s">
        <v>41</v>
      </c>
      <c r="D79" s="1" t="s">
        <v>65</v>
      </c>
      <c r="E79" s="3">
        <v>1500</v>
      </c>
      <c r="F79" s="4">
        <v>315</v>
      </c>
      <c r="G79" s="5">
        <v>150</v>
      </c>
      <c r="H79" s="6">
        <v>50</v>
      </c>
    </row>
    <row r="80" spans="1:8" ht="14.5" x14ac:dyDescent="0.35">
      <c r="A80" s="1" t="s">
        <v>43</v>
      </c>
      <c r="B80" s="1" t="s">
        <v>272</v>
      </c>
      <c r="C80" s="1" t="s">
        <v>41</v>
      </c>
      <c r="D80" s="1" t="s">
        <v>65</v>
      </c>
      <c r="E80" s="3">
        <v>1500</v>
      </c>
      <c r="F80" s="4">
        <v>350</v>
      </c>
      <c r="G80" s="5">
        <v>150</v>
      </c>
      <c r="H80" s="6">
        <v>50</v>
      </c>
    </row>
    <row r="81" spans="1:8" ht="14.5" x14ac:dyDescent="0.35">
      <c r="A81" s="1" t="s">
        <v>43</v>
      </c>
      <c r="B81" s="1" t="s">
        <v>273</v>
      </c>
      <c r="C81" s="1" t="s">
        <v>41</v>
      </c>
      <c r="D81" s="1" t="s">
        <v>65</v>
      </c>
      <c r="E81" s="3">
        <v>1500</v>
      </c>
      <c r="F81" s="4">
        <v>400</v>
      </c>
      <c r="G81" s="5">
        <v>150</v>
      </c>
      <c r="H81" s="6">
        <v>50</v>
      </c>
    </row>
    <row r="82" spans="1:8" ht="14.5" x14ac:dyDescent="0.35">
      <c r="A82" s="1" t="s">
        <v>81</v>
      </c>
      <c r="B82" s="2" t="s">
        <v>82</v>
      </c>
      <c r="C82" s="1" t="s">
        <v>83</v>
      </c>
      <c r="D82" s="1" t="s">
        <v>65</v>
      </c>
      <c r="E82" s="3">
        <v>1500</v>
      </c>
      <c r="F82" s="4">
        <v>250</v>
      </c>
      <c r="G82" s="5">
        <v>100</v>
      </c>
      <c r="H82" s="6">
        <v>50</v>
      </c>
    </row>
    <row r="83" spans="1:8" ht="14.5" x14ac:dyDescent="0.35">
      <c r="A83" s="1" t="s">
        <v>81</v>
      </c>
      <c r="B83" s="2" t="s">
        <v>274</v>
      </c>
      <c r="C83" s="1" t="s">
        <v>83</v>
      </c>
      <c r="D83" s="1" t="s">
        <v>65</v>
      </c>
      <c r="E83" s="3">
        <v>1500</v>
      </c>
      <c r="F83" s="4">
        <v>315</v>
      </c>
      <c r="G83" s="5">
        <v>100</v>
      </c>
      <c r="H83" s="6">
        <v>50</v>
      </c>
    </row>
    <row r="84" spans="1:8" ht="14.5" x14ac:dyDescent="0.35">
      <c r="A84" s="1" t="s">
        <v>81</v>
      </c>
      <c r="B84" s="2" t="s">
        <v>275</v>
      </c>
      <c r="C84" s="1" t="s">
        <v>83</v>
      </c>
      <c r="D84" s="1" t="s">
        <v>65</v>
      </c>
      <c r="E84" s="3">
        <v>1500</v>
      </c>
      <c r="F84" s="4">
        <v>355</v>
      </c>
      <c r="G84" s="5">
        <v>100</v>
      </c>
      <c r="H84" s="6">
        <v>50</v>
      </c>
    </row>
    <row r="85" spans="1:8" ht="14.5" x14ac:dyDescent="0.35">
      <c r="A85" s="1" t="s">
        <v>81</v>
      </c>
      <c r="B85" s="2" t="s">
        <v>276</v>
      </c>
      <c r="C85" s="1" t="s">
        <v>83</v>
      </c>
      <c r="D85" s="1" t="s">
        <v>65</v>
      </c>
      <c r="E85" s="3">
        <v>1500</v>
      </c>
      <c r="F85" s="4">
        <v>400</v>
      </c>
      <c r="G85" s="5">
        <v>100</v>
      </c>
      <c r="H85" s="6">
        <v>50</v>
      </c>
    </row>
    <row r="86" spans="1:8" ht="14.5" x14ac:dyDescent="0.35">
      <c r="A86" s="1" t="s">
        <v>81</v>
      </c>
      <c r="B86" s="2" t="s">
        <v>277</v>
      </c>
      <c r="C86" s="1" t="s">
        <v>83</v>
      </c>
      <c r="D86" s="1" t="s">
        <v>65</v>
      </c>
      <c r="E86" s="3">
        <v>1500</v>
      </c>
      <c r="F86" s="4">
        <v>450</v>
      </c>
      <c r="G86" s="5">
        <v>100</v>
      </c>
      <c r="H86" s="6">
        <v>50</v>
      </c>
    </row>
    <row r="87" spans="1:8" ht="14.5" x14ac:dyDescent="0.35">
      <c r="A87" s="1" t="s">
        <v>81</v>
      </c>
      <c r="B87" s="2" t="s">
        <v>278</v>
      </c>
      <c r="C87" s="1" t="s">
        <v>83</v>
      </c>
      <c r="D87" s="1" t="s">
        <v>65</v>
      </c>
      <c r="E87" s="3">
        <v>1500</v>
      </c>
      <c r="F87" s="4">
        <v>500</v>
      </c>
      <c r="G87" s="5">
        <v>100</v>
      </c>
      <c r="H87" s="6">
        <v>50</v>
      </c>
    </row>
    <row r="88" spans="1:8" ht="14.5" x14ac:dyDescent="0.35">
      <c r="A88" s="1" t="s">
        <v>81</v>
      </c>
      <c r="B88" s="2" t="s">
        <v>92</v>
      </c>
      <c r="C88" s="1" t="s">
        <v>90</v>
      </c>
      <c r="D88" s="1" t="s">
        <v>65</v>
      </c>
      <c r="E88" s="3">
        <v>1000</v>
      </c>
      <c r="F88" s="4">
        <v>250</v>
      </c>
      <c r="G88" s="5">
        <v>100</v>
      </c>
      <c r="H88" s="6">
        <v>50</v>
      </c>
    </row>
    <row r="89" spans="1:8" ht="14.5" x14ac:dyDescent="0.35">
      <c r="A89" s="1" t="s">
        <v>81</v>
      </c>
      <c r="B89" s="2" t="s">
        <v>279</v>
      </c>
      <c r="C89" s="1" t="s">
        <v>49</v>
      </c>
      <c r="D89" s="1" t="s">
        <v>65</v>
      </c>
      <c r="E89" s="3">
        <v>1000</v>
      </c>
      <c r="F89" s="4">
        <v>315</v>
      </c>
      <c r="G89" s="5">
        <v>100</v>
      </c>
      <c r="H89" s="6">
        <v>50</v>
      </c>
    </row>
    <row r="90" spans="1:8" ht="14.5" x14ac:dyDescent="0.35">
      <c r="A90" s="1" t="s">
        <v>81</v>
      </c>
      <c r="B90" s="2" t="s">
        <v>280</v>
      </c>
      <c r="C90" s="1" t="s">
        <v>49</v>
      </c>
      <c r="D90" s="1" t="s">
        <v>65</v>
      </c>
      <c r="E90" s="3">
        <v>1000</v>
      </c>
      <c r="F90" s="4">
        <v>355</v>
      </c>
      <c r="G90" s="5">
        <v>100</v>
      </c>
      <c r="H90" s="6">
        <v>50</v>
      </c>
    </row>
    <row r="91" spans="1:8" ht="14.5" x14ac:dyDescent="0.35">
      <c r="A91" s="1" t="s">
        <v>81</v>
      </c>
      <c r="B91" s="2" t="s">
        <v>281</v>
      </c>
      <c r="C91" s="1" t="s">
        <v>49</v>
      </c>
      <c r="D91" s="1" t="s">
        <v>65</v>
      </c>
      <c r="E91" s="3">
        <v>1000</v>
      </c>
      <c r="F91" s="4">
        <v>400</v>
      </c>
      <c r="G91" s="5">
        <v>100</v>
      </c>
      <c r="H91" s="6">
        <v>50</v>
      </c>
    </row>
    <row r="92" spans="1:8" ht="14.5" x14ac:dyDescent="0.35">
      <c r="A92" s="1" t="s">
        <v>43</v>
      </c>
      <c r="B92" s="2" t="s">
        <v>97</v>
      </c>
      <c r="C92" s="1" t="s">
        <v>90</v>
      </c>
      <c r="D92" s="1" t="s">
        <v>65</v>
      </c>
      <c r="E92" s="3">
        <v>1000</v>
      </c>
      <c r="F92" s="4">
        <v>250</v>
      </c>
      <c r="G92" s="5">
        <v>50</v>
      </c>
      <c r="H92" s="6">
        <v>50</v>
      </c>
    </row>
    <row r="93" spans="1:8" ht="14.5" x14ac:dyDescent="0.35">
      <c r="A93" s="1" t="s">
        <v>63</v>
      </c>
      <c r="B93" s="7" t="s">
        <v>108</v>
      </c>
      <c r="C93" s="1" t="s">
        <v>70</v>
      </c>
      <c r="D93" s="1" t="s">
        <v>100</v>
      </c>
      <c r="E93" s="3">
        <v>1500</v>
      </c>
      <c r="F93" s="4">
        <v>250</v>
      </c>
      <c r="G93" s="5">
        <v>30</v>
      </c>
      <c r="H93" s="6">
        <v>30</v>
      </c>
    </row>
    <row r="94" spans="1:8" ht="14.5" x14ac:dyDescent="0.35">
      <c r="A94" s="1" t="s">
        <v>63</v>
      </c>
      <c r="B94" s="7" t="s">
        <v>282</v>
      </c>
      <c r="C94" s="1" t="s">
        <v>41</v>
      </c>
      <c r="D94" s="1" t="s">
        <v>100</v>
      </c>
      <c r="E94" s="3">
        <v>1500</v>
      </c>
      <c r="F94" s="4">
        <v>315</v>
      </c>
      <c r="G94" s="5">
        <v>50</v>
      </c>
      <c r="H94" s="6">
        <v>50</v>
      </c>
    </row>
    <row r="95" spans="1:8" ht="14.5" x14ac:dyDescent="0.35">
      <c r="A95" s="1" t="s">
        <v>63</v>
      </c>
      <c r="B95" s="7" t="s">
        <v>283</v>
      </c>
      <c r="C95" s="1" t="s">
        <v>41</v>
      </c>
      <c r="D95" s="1" t="s">
        <v>100</v>
      </c>
      <c r="E95" s="3">
        <v>1500</v>
      </c>
      <c r="F95" s="4">
        <v>350</v>
      </c>
      <c r="G95" s="5">
        <v>50</v>
      </c>
      <c r="H95" s="6">
        <v>50</v>
      </c>
    </row>
    <row r="96" spans="1:8" ht="14.5" x14ac:dyDescent="0.35">
      <c r="A96" s="1" t="s">
        <v>63</v>
      </c>
      <c r="B96" s="7" t="s">
        <v>284</v>
      </c>
      <c r="C96" s="1" t="s">
        <v>41</v>
      </c>
      <c r="D96" s="1" t="s">
        <v>100</v>
      </c>
      <c r="E96" s="3">
        <v>1500</v>
      </c>
      <c r="F96" s="4">
        <v>400</v>
      </c>
      <c r="G96" s="5">
        <v>50</v>
      </c>
      <c r="H96" s="6">
        <v>50</v>
      </c>
    </row>
    <row r="97" spans="1:8" ht="14.5" x14ac:dyDescent="0.35">
      <c r="A97" s="1" t="s">
        <v>63</v>
      </c>
      <c r="B97" s="7" t="s">
        <v>285</v>
      </c>
      <c r="C97" s="1" t="s">
        <v>41</v>
      </c>
      <c r="D97" s="1" t="s">
        <v>100</v>
      </c>
      <c r="E97" s="3">
        <v>1500</v>
      </c>
      <c r="F97" s="4">
        <v>450</v>
      </c>
      <c r="G97" s="5">
        <v>50</v>
      </c>
      <c r="H97" s="6">
        <v>50</v>
      </c>
    </row>
    <row r="98" spans="1:8" ht="14.5" x14ac:dyDescent="0.35">
      <c r="A98" s="1" t="s">
        <v>63</v>
      </c>
      <c r="B98" s="7" t="s">
        <v>286</v>
      </c>
      <c r="C98" s="1" t="s">
        <v>41</v>
      </c>
      <c r="D98" s="1" t="s">
        <v>100</v>
      </c>
      <c r="E98" s="3">
        <v>1500</v>
      </c>
      <c r="F98" s="4">
        <v>500</v>
      </c>
      <c r="G98" s="5">
        <v>50</v>
      </c>
      <c r="H98" s="6">
        <v>50</v>
      </c>
    </row>
    <row r="99" spans="1:8" ht="14.5" x14ac:dyDescent="0.35">
      <c r="A99" s="1" t="s">
        <v>63</v>
      </c>
      <c r="B99" s="7" t="s">
        <v>287</v>
      </c>
      <c r="C99" s="1" t="s">
        <v>41</v>
      </c>
      <c r="D99" s="1" t="s">
        <v>100</v>
      </c>
      <c r="E99" s="3">
        <v>1500</v>
      </c>
      <c r="F99" s="4">
        <v>500</v>
      </c>
      <c r="G99" s="5">
        <v>50</v>
      </c>
      <c r="H99" s="6">
        <v>50</v>
      </c>
    </row>
    <row r="100" spans="1:8" ht="14.5" x14ac:dyDescent="0.35">
      <c r="A100" s="1" t="s">
        <v>63</v>
      </c>
      <c r="B100" s="7" t="s">
        <v>288</v>
      </c>
      <c r="C100" s="1" t="s">
        <v>41</v>
      </c>
      <c r="D100" s="1" t="s">
        <v>100</v>
      </c>
      <c r="E100" s="3">
        <v>1500</v>
      </c>
      <c r="F100" s="4">
        <v>630</v>
      </c>
      <c r="G100" s="5">
        <v>50</v>
      </c>
      <c r="H100" s="6">
        <v>50</v>
      </c>
    </row>
    <row r="101" spans="1:8" ht="14.5" x14ac:dyDescent="0.35">
      <c r="A101" s="1" t="s">
        <v>63</v>
      </c>
      <c r="B101" s="7" t="s">
        <v>289</v>
      </c>
      <c r="C101" s="1" t="s">
        <v>41</v>
      </c>
      <c r="D101" s="1" t="s">
        <v>100</v>
      </c>
      <c r="E101" s="3">
        <v>1500</v>
      </c>
      <c r="F101" s="4">
        <v>630</v>
      </c>
      <c r="G101" s="5">
        <v>50</v>
      </c>
      <c r="H101" s="6">
        <v>50</v>
      </c>
    </row>
    <row r="102" spans="1:8" ht="14.5" x14ac:dyDescent="0.35">
      <c r="A102" s="1" t="s">
        <v>63</v>
      </c>
      <c r="B102" s="7" t="s">
        <v>290</v>
      </c>
      <c r="C102" s="1" t="s">
        <v>41</v>
      </c>
      <c r="D102" s="1" t="s">
        <v>100</v>
      </c>
      <c r="E102" s="3">
        <v>1500</v>
      </c>
      <c r="F102" s="4">
        <v>315</v>
      </c>
      <c r="G102" s="5">
        <v>50</v>
      </c>
      <c r="H102" s="6">
        <v>50</v>
      </c>
    </row>
    <row r="103" spans="1:8" ht="14.5" x14ac:dyDescent="0.35">
      <c r="A103" s="1" t="s">
        <v>63</v>
      </c>
      <c r="B103" s="7" t="s">
        <v>291</v>
      </c>
      <c r="C103" s="1" t="s">
        <v>41</v>
      </c>
      <c r="D103" s="1" t="s">
        <v>100</v>
      </c>
      <c r="E103" s="3">
        <v>1500</v>
      </c>
      <c r="F103" s="4">
        <v>350</v>
      </c>
      <c r="G103" s="5">
        <v>50</v>
      </c>
      <c r="H103" s="6">
        <v>50</v>
      </c>
    </row>
    <row r="104" spans="1:8" ht="14.5" x14ac:dyDescent="0.35">
      <c r="A104" s="1" t="s">
        <v>63</v>
      </c>
      <c r="B104" s="7" t="s">
        <v>292</v>
      </c>
      <c r="C104" s="1" t="s">
        <v>41</v>
      </c>
      <c r="D104" s="1" t="s">
        <v>100</v>
      </c>
      <c r="E104" s="3">
        <v>1500</v>
      </c>
      <c r="F104" s="4">
        <v>400</v>
      </c>
      <c r="G104" s="5">
        <v>50</v>
      </c>
      <c r="H104" s="6">
        <v>50</v>
      </c>
    </row>
    <row r="105" spans="1:8" ht="14.5" x14ac:dyDescent="0.35">
      <c r="A105" s="1" t="s">
        <v>63</v>
      </c>
      <c r="B105" s="7" t="s">
        <v>293</v>
      </c>
      <c r="C105" s="1" t="s">
        <v>41</v>
      </c>
      <c r="D105" s="1" t="s">
        <v>100</v>
      </c>
      <c r="E105" s="3">
        <v>1500</v>
      </c>
      <c r="F105" s="4">
        <v>450</v>
      </c>
      <c r="G105" s="5">
        <v>50</v>
      </c>
      <c r="H105" s="6">
        <v>50</v>
      </c>
    </row>
    <row r="106" spans="1:8" ht="14.5" x14ac:dyDescent="0.35">
      <c r="A106" s="1" t="s">
        <v>63</v>
      </c>
      <c r="B106" s="7" t="s">
        <v>294</v>
      </c>
      <c r="C106" s="1" t="s">
        <v>41</v>
      </c>
      <c r="D106" s="1" t="s">
        <v>100</v>
      </c>
      <c r="E106" s="3">
        <v>1500</v>
      </c>
      <c r="F106" s="4">
        <v>500</v>
      </c>
      <c r="G106" s="5">
        <v>50</v>
      </c>
      <c r="H106" s="6">
        <v>50</v>
      </c>
    </row>
    <row r="107" spans="1:8" ht="14.5" x14ac:dyDescent="0.35">
      <c r="A107" s="1" t="s">
        <v>18</v>
      </c>
      <c r="B107" s="2" t="s">
        <v>115</v>
      </c>
      <c r="C107" s="1" t="s">
        <v>70</v>
      </c>
      <c r="D107" s="1" t="s">
        <v>100</v>
      </c>
      <c r="E107" s="3">
        <v>1500</v>
      </c>
      <c r="F107" s="4">
        <v>250</v>
      </c>
      <c r="G107" s="5">
        <v>50</v>
      </c>
      <c r="H107" s="6">
        <v>50</v>
      </c>
    </row>
    <row r="108" spans="1:8" ht="14.5" x14ac:dyDescent="0.35">
      <c r="A108" s="1" t="s">
        <v>18</v>
      </c>
      <c r="B108" s="2" t="s">
        <v>295</v>
      </c>
      <c r="C108" s="1" t="s">
        <v>70</v>
      </c>
      <c r="D108" s="1" t="s">
        <v>100</v>
      </c>
      <c r="E108" s="3">
        <v>1500</v>
      </c>
      <c r="F108" s="4">
        <v>315</v>
      </c>
      <c r="G108" s="5">
        <v>50</v>
      </c>
      <c r="H108" s="6">
        <v>50</v>
      </c>
    </row>
    <row r="109" spans="1:8" ht="14.5" x14ac:dyDescent="0.35">
      <c r="A109" s="1" t="s">
        <v>18</v>
      </c>
      <c r="B109" s="1" t="s">
        <v>117</v>
      </c>
      <c r="C109" s="1" t="s">
        <v>41</v>
      </c>
      <c r="D109" s="1" t="s">
        <v>100</v>
      </c>
      <c r="E109" s="3">
        <v>1500</v>
      </c>
      <c r="F109" s="4">
        <v>250</v>
      </c>
      <c r="G109" s="5">
        <v>100</v>
      </c>
      <c r="H109" s="6">
        <v>50</v>
      </c>
    </row>
    <row r="110" spans="1:8" ht="14.5" x14ac:dyDescent="0.35">
      <c r="A110" s="1" t="s">
        <v>18</v>
      </c>
      <c r="B110" s="1" t="s">
        <v>296</v>
      </c>
      <c r="C110" s="1" t="s">
        <v>41</v>
      </c>
      <c r="D110" s="1" t="s">
        <v>100</v>
      </c>
      <c r="E110" s="3">
        <v>1500</v>
      </c>
      <c r="F110" s="4">
        <v>315</v>
      </c>
      <c r="G110" s="5">
        <v>100</v>
      </c>
      <c r="H110" s="6">
        <v>50</v>
      </c>
    </row>
    <row r="111" spans="1:8" ht="14.5" x14ac:dyDescent="0.35">
      <c r="A111" s="1" t="s">
        <v>18</v>
      </c>
      <c r="B111" s="1" t="s">
        <v>297</v>
      </c>
      <c r="C111" s="1" t="s">
        <v>41</v>
      </c>
      <c r="D111" s="1" t="s">
        <v>100</v>
      </c>
      <c r="E111" s="3">
        <v>1500</v>
      </c>
      <c r="F111" s="4">
        <v>350</v>
      </c>
      <c r="G111" s="5">
        <v>100</v>
      </c>
      <c r="H111" s="6">
        <v>50</v>
      </c>
    </row>
    <row r="112" spans="1:8" ht="14.5" x14ac:dyDescent="0.35">
      <c r="A112" s="1" t="s">
        <v>18</v>
      </c>
      <c r="B112" s="1" t="s">
        <v>298</v>
      </c>
      <c r="C112" s="1" t="s">
        <v>41</v>
      </c>
      <c r="D112" s="1" t="s">
        <v>100</v>
      </c>
      <c r="E112" s="3">
        <v>1500</v>
      </c>
      <c r="F112" s="4">
        <v>400</v>
      </c>
      <c r="G112" s="5">
        <v>100</v>
      </c>
      <c r="H112" s="6">
        <v>50</v>
      </c>
    </row>
    <row r="113" spans="1:8" ht="14.5" x14ac:dyDescent="0.35">
      <c r="A113" s="1" t="s">
        <v>18</v>
      </c>
      <c r="B113" s="1" t="s">
        <v>299</v>
      </c>
      <c r="C113" s="1" t="s">
        <v>41</v>
      </c>
      <c r="D113" s="1" t="s">
        <v>100</v>
      </c>
      <c r="E113" s="3">
        <v>1500</v>
      </c>
      <c r="F113" s="4">
        <v>450</v>
      </c>
      <c r="G113" s="5">
        <v>100</v>
      </c>
      <c r="H113" s="6">
        <v>50</v>
      </c>
    </row>
    <row r="114" spans="1:8" ht="14.5" x14ac:dyDescent="0.35">
      <c r="A114" s="1" t="s">
        <v>18</v>
      </c>
      <c r="B114" s="1" t="s">
        <v>300</v>
      </c>
      <c r="C114" s="1" t="s">
        <v>41</v>
      </c>
      <c r="D114" s="1" t="s">
        <v>100</v>
      </c>
      <c r="E114" s="3">
        <v>1500</v>
      </c>
      <c r="F114" s="4">
        <v>500</v>
      </c>
      <c r="G114" s="5">
        <v>100</v>
      </c>
      <c r="H114" s="6">
        <v>50</v>
      </c>
    </row>
    <row r="115" spans="1:8" ht="14.5" x14ac:dyDescent="0.35">
      <c r="A115" s="1" t="s">
        <v>43</v>
      </c>
      <c r="B115" s="2" t="s">
        <v>125</v>
      </c>
      <c r="C115" s="1" t="s">
        <v>122</v>
      </c>
      <c r="D115" s="1" t="s">
        <v>100</v>
      </c>
      <c r="E115" s="3">
        <v>1500</v>
      </c>
      <c r="F115" s="4">
        <v>250</v>
      </c>
      <c r="G115" s="5">
        <v>50</v>
      </c>
      <c r="H115" s="6">
        <v>50</v>
      </c>
    </row>
    <row r="116" spans="1:8" ht="14.5" x14ac:dyDescent="0.35">
      <c r="A116" s="1" t="s">
        <v>43</v>
      </c>
      <c r="B116" s="2" t="s">
        <v>128</v>
      </c>
      <c r="C116" s="1" t="s">
        <v>41</v>
      </c>
      <c r="D116" s="1" t="s">
        <v>100</v>
      </c>
      <c r="E116" s="3">
        <v>1500</v>
      </c>
      <c r="F116" s="4">
        <v>250</v>
      </c>
      <c r="G116" s="5">
        <v>50</v>
      </c>
      <c r="H116" s="6">
        <v>50</v>
      </c>
    </row>
    <row r="117" spans="1:8" ht="14.5" x14ac:dyDescent="0.35">
      <c r="A117" s="1" t="s">
        <v>43</v>
      </c>
      <c r="B117" s="2" t="s">
        <v>301</v>
      </c>
      <c r="C117" s="1" t="s">
        <v>41</v>
      </c>
      <c r="D117" s="1" t="s">
        <v>100</v>
      </c>
      <c r="E117" s="3">
        <v>1500</v>
      </c>
      <c r="F117" s="4">
        <v>315</v>
      </c>
      <c r="G117" s="5">
        <v>50</v>
      </c>
      <c r="H117" s="6">
        <v>50</v>
      </c>
    </row>
    <row r="118" spans="1:8" ht="14.5" x14ac:dyDescent="0.35">
      <c r="A118" s="1" t="s">
        <v>43</v>
      </c>
      <c r="B118" s="2" t="s">
        <v>302</v>
      </c>
      <c r="C118" s="1" t="s">
        <v>41</v>
      </c>
      <c r="D118" s="1" t="s">
        <v>100</v>
      </c>
      <c r="E118" s="3">
        <v>1500</v>
      </c>
      <c r="F118" s="4">
        <v>350</v>
      </c>
      <c r="G118" s="5">
        <v>50</v>
      </c>
      <c r="H118" s="6">
        <v>50</v>
      </c>
    </row>
    <row r="119" spans="1:8" ht="14.5" x14ac:dyDescent="0.35">
      <c r="A119" s="1" t="s">
        <v>43</v>
      </c>
      <c r="B119" s="2" t="s">
        <v>303</v>
      </c>
      <c r="C119" s="1" t="s">
        <v>41</v>
      </c>
      <c r="D119" s="1" t="s">
        <v>100</v>
      </c>
      <c r="E119" s="3">
        <v>1500</v>
      </c>
      <c r="F119" s="4">
        <v>400</v>
      </c>
      <c r="G119" s="5">
        <v>150</v>
      </c>
      <c r="H119" s="6">
        <v>50</v>
      </c>
    </row>
    <row r="120" spans="1:8" ht="14.5" x14ac:dyDescent="0.35">
      <c r="A120" s="1" t="s">
        <v>10</v>
      </c>
      <c r="B120" s="2" t="s">
        <v>134</v>
      </c>
      <c r="C120" s="1" t="s">
        <v>70</v>
      </c>
      <c r="D120" s="1" t="s">
        <v>100</v>
      </c>
      <c r="E120" s="3">
        <v>1500</v>
      </c>
      <c r="F120" s="4">
        <v>250</v>
      </c>
      <c r="G120" s="5">
        <v>30</v>
      </c>
      <c r="H120" s="6">
        <v>30</v>
      </c>
    </row>
    <row r="121" spans="1:8" ht="14.5" x14ac:dyDescent="0.35">
      <c r="A121" s="1" t="s">
        <v>10</v>
      </c>
      <c r="B121" s="2" t="s">
        <v>304</v>
      </c>
      <c r="C121" s="1" t="s">
        <v>41</v>
      </c>
      <c r="D121" s="1" t="s">
        <v>100</v>
      </c>
      <c r="E121" s="3">
        <v>1500</v>
      </c>
      <c r="F121" s="4">
        <v>315</v>
      </c>
      <c r="G121" s="5">
        <v>50</v>
      </c>
      <c r="H121" s="6">
        <v>50</v>
      </c>
    </row>
    <row r="122" spans="1:8" ht="14.5" x14ac:dyDescent="0.35">
      <c r="A122" s="1" t="s">
        <v>10</v>
      </c>
      <c r="B122" s="2" t="s">
        <v>305</v>
      </c>
      <c r="C122" s="1" t="s">
        <v>41</v>
      </c>
      <c r="D122" s="1" t="s">
        <v>100</v>
      </c>
      <c r="E122" s="3">
        <v>1500</v>
      </c>
      <c r="F122" s="4">
        <v>350</v>
      </c>
      <c r="G122" s="5">
        <v>50</v>
      </c>
      <c r="H122" s="6">
        <v>50</v>
      </c>
    </row>
    <row r="123" spans="1:8" ht="14.5" x14ac:dyDescent="0.35">
      <c r="A123" s="1" t="s">
        <v>10</v>
      </c>
      <c r="B123" s="2" t="s">
        <v>306</v>
      </c>
      <c r="C123" s="1" t="s">
        <v>41</v>
      </c>
      <c r="D123" s="1" t="s">
        <v>100</v>
      </c>
      <c r="E123" s="3">
        <v>1500</v>
      </c>
      <c r="F123" s="4">
        <v>400</v>
      </c>
      <c r="G123" s="5">
        <v>50</v>
      </c>
      <c r="H123" s="6">
        <v>50</v>
      </c>
    </row>
    <row r="124" spans="1:8" ht="14.5" x14ac:dyDescent="0.35">
      <c r="A124" s="1" t="s">
        <v>81</v>
      </c>
      <c r="B124" s="2" t="s">
        <v>145</v>
      </c>
      <c r="C124" s="1" t="s">
        <v>70</v>
      </c>
      <c r="D124" s="1" t="s">
        <v>100</v>
      </c>
      <c r="E124" s="3">
        <v>1500</v>
      </c>
      <c r="F124" s="4">
        <v>250</v>
      </c>
      <c r="G124" s="5">
        <v>30</v>
      </c>
      <c r="H124" s="6">
        <v>30</v>
      </c>
    </row>
    <row r="125" spans="1:8" ht="14.5" x14ac:dyDescent="0.35">
      <c r="A125" s="1" t="s">
        <v>81</v>
      </c>
      <c r="B125" s="2" t="s">
        <v>146</v>
      </c>
      <c r="C125" s="1" t="s">
        <v>41</v>
      </c>
      <c r="D125" s="1" t="s">
        <v>100</v>
      </c>
      <c r="E125" s="3">
        <v>1500</v>
      </c>
      <c r="F125" s="4">
        <v>250</v>
      </c>
      <c r="G125" s="5">
        <v>100</v>
      </c>
      <c r="H125" s="6">
        <v>50</v>
      </c>
    </row>
    <row r="126" spans="1:8" ht="14.5" x14ac:dyDescent="0.35">
      <c r="A126" s="1" t="s">
        <v>81</v>
      </c>
      <c r="B126" s="2" t="s">
        <v>307</v>
      </c>
      <c r="C126" s="1" t="s">
        <v>41</v>
      </c>
      <c r="D126" s="1" t="s">
        <v>100</v>
      </c>
      <c r="E126" s="3">
        <v>1500</v>
      </c>
      <c r="F126" s="4">
        <v>315</v>
      </c>
      <c r="G126" s="5">
        <v>100</v>
      </c>
      <c r="H126" s="6">
        <v>50</v>
      </c>
    </row>
    <row r="127" spans="1:8" ht="14.5" x14ac:dyDescent="0.35">
      <c r="A127" s="1" t="s">
        <v>81</v>
      </c>
      <c r="B127" s="2" t="s">
        <v>308</v>
      </c>
      <c r="C127" s="1" t="s">
        <v>41</v>
      </c>
      <c r="D127" s="1" t="s">
        <v>100</v>
      </c>
      <c r="E127" s="3">
        <v>1500</v>
      </c>
      <c r="F127" s="4">
        <v>350</v>
      </c>
      <c r="G127" s="5">
        <v>100</v>
      </c>
      <c r="H127" s="6">
        <v>50</v>
      </c>
    </row>
    <row r="128" spans="1:8" ht="14.5" x14ac:dyDescent="0.35">
      <c r="A128" s="1" t="s">
        <v>81</v>
      </c>
      <c r="B128" s="2" t="s">
        <v>309</v>
      </c>
      <c r="C128" s="1" t="s">
        <v>41</v>
      </c>
      <c r="D128" s="1" t="s">
        <v>100</v>
      </c>
      <c r="E128" s="3">
        <v>1500</v>
      </c>
      <c r="F128" s="4">
        <v>355</v>
      </c>
      <c r="G128" s="5">
        <v>100</v>
      </c>
      <c r="H128" s="6">
        <v>50</v>
      </c>
    </row>
    <row r="129" spans="1:8" ht="14.5" x14ac:dyDescent="0.35">
      <c r="A129" s="1" t="s">
        <v>81</v>
      </c>
      <c r="B129" s="2" t="s">
        <v>310</v>
      </c>
      <c r="C129" s="1" t="s">
        <v>41</v>
      </c>
      <c r="D129" s="1" t="s">
        <v>100</v>
      </c>
      <c r="E129" s="3">
        <v>1500</v>
      </c>
      <c r="F129" s="4">
        <v>400</v>
      </c>
      <c r="G129" s="5">
        <v>100</v>
      </c>
      <c r="H129" s="6">
        <v>50</v>
      </c>
    </row>
    <row r="130" spans="1:8" ht="14.5" x14ac:dyDescent="0.35">
      <c r="A130" s="1" t="s">
        <v>81</v>
      </c>
      <c r="B130" s="2" t="s">
        <v>311</v>
      </c>
      <c r="C130" s="1" t="s">
        <v>41</v>
      </c>
      <c r="D130" s="1" t="s">
        <v>100</v>
      </c>
      <c r="E130" s="3">
        <v>1500</v>
      </c>
      <c r="F130" s="4">
        <v>450</v>
      </c>
      <c r="G130" s="5">
        <v>100</v>
      </c>
      <c r="H130" s="6">
        <v>50</v>
      </c>
    </row>
    <row r="131" spans="1:8" ht="14.5" x14ac:dyDescent="0.35">
      <c r="A131" s="1" t="s">
        <v>81</v>
      </c>
      <c r="B131" s="2" t="s">
        <v>312</v>
      </c>
      <c r="C131" s="1" t="s">
        <v>41</v>
      </c>
      <c r="D131" s="1" t="s">
        <v>100</v>
      </c>
      <c r="E131" s="3">
        <v>1500</v>
      </c>
      <c r="F131" s="4">
        <v>500</v>
      </c>
      <c r="G131" s="5">
        <v>100</v>
      </c>
      <c r="H131" s="6">
        <v>50</v>
      </c>
    </row>
    <row r="132" spans="1:8" ht="14.5" x14ac:dyDescent="0.35">
      <c r="A132" s="1" t="s">
        <v>63</v>
      </c>
      <c r="B132" s="2" t="s">
        <v>177</v>
      </c>
      <c r="C132" s="1" t="s">
        <v>90</v>
      </c>
      <c r="D132" s="1" t="s">
        <v>100</v>
      </c>
      <c r="E132" s="3">
        <v>1000</v>
      </c>
      <c r="F132" s="4">
        <v>250</v>
      </c>
      <c r="G132" s="5">
        <v>30</v>
      </c>
      <c r="H132" s="6">
        <v>30</v>
      </c>
    </row>
    <row r="133" spans="1:8" ht="14.5" x14ac:dyDescent="0.35">
      <c r="A133" s="1" t="s">
        <v>63</v>
      </c>
      <c r="B133" s="2" t="s">
        <v>180</v>
      </c>
      <c r="C133" s="1" t="s">
        <v>49</v>
      </c>
      <c r="D133" s="1" t="s">
        <v>100</v>
      </c>
      <c r="E133" s="3">
        <v>1000</v>
      </c>
      <c r="F133" s="4">
        <v>250</v>
      </c>
      <c r="G133" s="5">
        <v>30</v>
      </c>
      <c r="H133" s="6">
        <v>30</v>
      </c>
    </row>
    <row r="134" spans="1:8" ht="14.5" x14ac:dyDescent="0.35">
      <c r="A134" s="1" t="s">
        <v>63</v>
      </c>
      <c r="B134" s="2" t="s">
        <v>313</v>
      </c>
      <c r="C134" s="1" t="s">
        <v>49</v>
      </c>
      <c r="D134" s="1" t="s">
        <v>100</v>
      </c>
      <c r="E134" s="3">
        <v>1000</v>
      </c>
      <c r="F134" s="4">
        <v>315</v>
      </c>
      <c r="G134" s="5">
        <v>30</v>
      </c>
      <c r="H134" s="6">
        <v>30</v>
      </c>
    </row>
    <row r="135" spans="1:8" ht="14.5" x14ac:dyDescent="0.35">
      <c r="A135" s="1" t="s">
        <v>63</v>
      </c>
      <c r="B135" s="2" t="s">
        <v>314</v>
      </c>
      <c r="C135" s="1" t="s">
        <v>49</v>
      </c>
      <c r="D135" s="1" t="s">
        <v>100</v>
      </c>
      <c r="E135" s="3">
        <v>1000</v>
      </c>
      <c r="F135" s="4">
        <v>350</v>
      </c>
      <c r="G135" s="5">
        <v>30</v>
      </c>
      <c r="H135" s="6">
        <v>30</v>
      </c>
    </row>
    <row r="136" spans="1:8" ht="14.5" x14ac:dyDescent="0.35">
      <c r="A136" s="1" t="s">
        <v>63</v>
      </c>
      <c r="B136" s="2" t="s">
        <v>315</v>
      </c>
      <c r="C136" s="1" t="s">
        <v>49</v>
      </c>
      <c r="D136" s="1" t="s">
        <v>100</v>
      </c>
      <c r="E136" s="3">
        <v>1000</v>
      </c>
      <c r="F136" s="4">
        <v>400</v>
      </c>
      <c r="G136" s="5">
        <v>30</v>
      </c>
      <c r="H136" s="6">
        <v>30</v>
      </c>
    </row>
    <row r="137" spans="1:8" ht="14.5" x14ac:dyDescent="0.35">
      <c r="A137" s="1" t="s">
        <v>63</v>
      </c>
      <c r="B137" s="2" t="s">
        <v>181</v>
      </c>
      <c r="C137" s="1" t="s">
        <v>12</v>
      </c>
      <c r="D137" s="1" t="s">
        <v>100</v>
      </c>
      <c r="E137" s="3">
        <v>1000</v>
      </c>
      <c r="F137" s="4">
        <v>250</v>
      </c>
      <c r="G137" s="5">
        <v>30</v>
      </c>
      <c r="H137" s="6">
        <v>30</v>
      </c>
    </row>
    <row r="138" spans="1:8" ht="14.5" x14ac:dyDescent="0.35">
      <c r="A138" s="1" t="s">
        <v>63</v>
      </c>
      <c r="B138" s="2" t="s">
        <v>157</v>
      </c>
      <c r="C138" s="1" t="s">
        <v>70</v>
      </c>
      <c r="D138" s="1" t="s">
        <v>100</v>
      </c>
      <c r="E138" s="3">
        <v>1100</v>
      </c>
      <c r="F138" s="4">
        <v>250</v>
      </c>
      <c r="G138" s="5">
        <v>10</v>
      </c>
      <c r="H138" s="6">
        <v>10</v>
      </c>
    </row>
    <row r="139" spans="1:8" ht="14.5" x14ac:dyDescent="0.35">
      <c r="A139" s="1" t="s">
        <v>63</v>
      </c>
      <c r="B139" s="2" t="s">
        <v>316</v>
      </c>
      <c r="C139" s="1" t="s">
        <v>70</v>
      </c>
      <c r="D139" s="1" t="s">
        <v>100</v>
      </c>
      <c r="E139" s="3">
        <v>1100</v>
      </c>
      <c r="F139" s="4">
        <v>315</v>
      </c>
      <c r="G139" s="5">
        <v>10</v>
      </c>
      <c r="H139" s="6">
        <v>10</v>
      </c>
    </row>
    <row r="140" spans="1:8" ht="14.5" x14ac:dyDescent="0.35">
      <c r="A140" s="1" t="s">
        <v>63</v>
      </c>
      <c r="B140" s="2" t="s">
        <v>317</v>
      </c>
      <c r="C140" s="1" t="s">
        <v>70</v>
      </c>
      <c r="D140" s="1" t="s">
        <v>100</v>
      </c>
      <c r="E140" s="3">
        <v>1100</v>
      </c>
      <c r="F140" s="4">
        <v>350</v>
      </c>
      <c r="G140" s="5">
        <v>10</v>
      </c>
      <c r="H140" s="6">
        <v>10</v>
      </c>
    </row>
    <row r="141" spans="1:8" ht="14.5" x14ac:dyDescent="0.35">
      <c r="A141" s="1" t="s">
        <v>63</v>
      </c>
      <c r="B141" s="2" t="s">
        <v>160</v>
      </c>
      <c r="C141" s="1" t="s">
        <v>41</v>
      </c>
      <c r="D141" s="1" t="s">
        <v>100</v>
      </c>
      <c r="E141" s="3">
        <v>1100</v>
      </c>
      <c r="F141" s="4">
        <v>250</v>
      </c>
      <c r="G141" s="5">
        <v>10</v>
      </c>
      <c r="H141" s="6">
        <v>10</v>
      </c>
    </row>
    <row r="142" spans="1:8" ht="14.5" x14ac:dyDescent="0.35">
      <c r="A142" s="1" t="s">
        <v>63</v>
      </c>
      <c r="B142" s="2" t="s">
        <v>318</v>
      </c>
      <c r="C142" s="1" t="s">
        <v>41</v>
      </c>
      <c r="D142" s="1" t="s">
        <v>100</v>
      </c>
      <c r="E142" s="3">
        <v>1100</v>
      </c>
      <c r="F142" s="4">
        <v>300</v>
      </c>
      <c r="G142" s="5">
        <v>10</v>
      </c>
      <c r="H142" s="6">
        <v>10</v>
      </c>
    </row>
    <row r="143" spans="1:8" ht="14.5" x14ac:dyDescent="0.35">
      <c r="A143" s="1" t="s">
        <v>63</v>
      </c>
      <c r="B143" s="2" t="s">
        <v>319</v>
      </c>
      <c r="C143" s="1" t="s">
        <v>41</v>
      </c>
      <c r="D143" s="1" t="s">
        <v>100</v>
      </c>
      <c r="E143" s="3">
        <v>1100</v>
      </c>
      <c r="F143" s="4">
        <v>315</v>
      </c>
      <c r="G143" s="5">
        <v>10</v>
      </c>
      <c r="H143" s="6">
        <v>10</v>
      </c>
    </row>
    <row r="144" spans="1:8" ht="14.5" x14ac:dyDescent="0.35">
      <c r="A144" s="1" t="s">
        <v>63</v>
      </c>
      <c r="B144" s="2" t="s">
        <v>320</v>
      </c>
      <c r="C144" s="1" t="s">
        <v>41</v>
      </c>
      <c r="D144" s="1" t="s">
        <v>100</v>
      </c>
      <c r="E144" s="3">
        <v>1100</v>
      </c>
      <c r="F144" s="4">
        <v>350</v>
      </c>
      <c r="G144" s="5">
        <v>10</v>
      </c>
      <c r="H144" s="6">
        <v>10</v>
      </c>
    </row>
    <row r="145" spans="1:8" ht="14.5" x14ac:dyDescent="0.35">
      <c r="A145" s="1" t="s">
        <v>63</v>
      </c>
      <c r="B145" s="2" t="s">
        <v>321</v>
      </c>
      <c r="C145" s="1" t="s">
        <v>41</v>
      </c>
      <c r="D145" s="1" t="s">
        <v>100</v>
      </c>
      <c r="E145" s="3">
        <v>1100</v>
      </c>
      <c r="F145" s="4">
        <v>400</v>
      </c>
      <c r="G145" s="5">
        <v>10</v>
      </c>
      <c r="H145" s="6">
        <v>10</v>
      </c>
    </row>
    <row r="146" spans="1:8" ht="14.5" x14ac:dyDescent="0.35">
      <c r="A146" s="1" t="s">
        <v>63</v>
      </c>
      <c r="B146" s="2" t="s">
        <v>322</v>
      </c>
      <c r="C146" s="1" t="s">
        <v>41</v>
      </c>
      <c r="D146" s="1" t="s">
        <v>100</v>
      </c>
      <c r="E146" s="3">
        <v>1100</v>
      </c>
      <c r="F146" s="4">
        <v>450</v>
      </c>
      <c r="G146" s="5">
        <v>10</v>
      </c>
      <c r="H146" s="6">
        <v>10</v>
      </c>
    </row>
    <row r="147" spans="1:8" ht="14.5" x14ac:dyDescent="0.35">
      <c r="A147" s="1" t="s">
        <v>63</v>
      </c>
      <c r="B147" s="2" t="s">
        <v>323</v>
      </c>
      <c r="C147" s="1" t="s">
        <v>41</v>
      </c>
      <c r="D147" s="1" t="s">
        <v>100</v>
      </c>
      <c r="E147" s="3">
        <v>1100</v>
      </c>
      <c r="F147" s="4">
        <v>500</v>
      </c>
      <c r="G147" s="5">
        <v>10</v>
      </c>
      <c r="H147" s="6">
        <v>10</v>
      </c>
    </row>
    <row r="148" spans="1:8" ht="14.5" x14ac:dyDescent="0.35">
      <c r="A148" s="1" t="s">
        <v>63</v>
      </c>
      <c r="B148" s="2" t="s">
        <v>324</v>
      </c>
      <c r="C148" s="1" t="s">
        <v>41</v>
      </c>
      <c r="D148" s="1" t="s">
        <v>100</v>
      </c>
      <c r="E148" s="3">
        <v>1100</v>
      </c>
      <c r="F148" s="4">
        <v>630</v>
      </c>
      <c r="G148" s="5">
        <v>10</v>
      </c>
      <c r="H148" s="6">
        <v>10</v>
      </c>
    </row>
    <row r="149" spans="1:8" ht="14.5" x14ac:dyDescent="0.35">
      <c r="A149" s="1" t="s">
        <v>63</v>
      </c>
      <c r="B149" s="2" t="s">
        <v>166</v>
      </c>
      <c r="C149" s="1" t="s">
        <v>70</v>
      </c>
      <c r="D149" s="1" t="s">
        <v>100</v>
      </c>
      <c r="E149" s="3">
        <v>1100</v>
      </c>
      <c r="F149" s="4">
        <v>250</v>
      </c>
      <c r="G149" s="5">
        <v>10</v>
      </c>
      <c r="H149" s="6">
        <v>10</v>
      </c>
    </row>
    <row r="150" spans="1:8" ht="14.5" x14ac:dyDescent="0.35">
      <c r="A150" s="1" t="s">
        <v>63</v>
      </c>
      <c r="B150" s="2" t="s">
        <v>325</v>
      </c>
      <c r="C150" s="1" t="s">
        <v>41</v>
      </c>
      <c r="D150" s="1" t="s">
        <v>100</v>
      </c>
      <c r="E150" s="3">
        <v>1100</v>
      </c>
      <c r="F150" s="4">
        <v>315</v>
      </c>
      <c r="G150" s="5">
        <v>10</v>
      </c>
      <c r="H150" s="6">
        <v>10</v>
      </c>
    </row>
    <row r="151" spans="1:8" ht="14.5" x14ac:dyDescent="0.35">
      <c r="A151" s="1" t="s">
        <v>63</v>
      </c>
      <c r="B151" s="2" t="s">
        <v>326</v>
      </c>
      <c r="C151" s="1" t="s">
        <v>41</v>
      </c>
      <c r="D151" s="1" t="s">
        <v>100</v>
      </c>
      <c r="E151" s="3">
        <v>1100</v>
      </c>
      <c r="F151" s="4">
        <v>350</v>
      </c>
      <c r="G151" s="5">
        <v>10</v>
      </c>
      <c r="H151" s="6">
        <v>10</v>
      </c>
    </row>
    <row r="152" spans="1:8" ht="14.5" x14ac:dyDescent="0.35">
      <c r="A152" s="1" t="s">
        <v>63</v>
      </c>
      <c r="B152" s="2" t="s">
        <v>327</v>
      </c>
      <c r="C152" s="1" t="s">
        <v>41</v>
      </c>
      <c r="D152" s="1" t="s">
        <v>100</v>
      </c>
      <c r="E152" s="3">
        <v>1100</v>
      </c>
      <c r="F152" s="4">
        <v>400</v>
      </c>
      <c r="G152" s="5">
        <v>10</v>
      </c>
      <c r="H152" s="6">
        <v>10</v>
      </c>
    </row>
    <row r="153" spans="1:8" ht="14.5" x14ac:dyDescent="0.35">
      <c r="A153" s="1" t="s">
        <v>63</v>
      </c>
      <c r="B153" s="2" t="s">
        <v>328</v>
      </c>
      <c r="C153" s="1" t="s">
        <v>41</v>
      </c>
      <c r="D153" s="1" t="s">
        <v>100</v>
      </c>
      <c r="E153" s="3">
        <v>1100</v>
      </c>
      <c r="F153" s="4">
        <v>450</v>
      </c>
      <c r="G153" s="5">
        <v>10</v>
      </c>
      <c r="H153" s="6">
        <v>10</v>
      </c>
    </row>
    <row r="154" spans="1:8" ht="14.5" x14ac:dyDescent="0.35">
      <c r="A154" s="1" t="s">
        <v>63</v>
      </c>
      <c r="B154" s="2" t="s">
        <v>329</v>
      </c>
      <c r="C154" s="1" t="s">
        <v>41</v>
      </c>
      <c r="D154" s="1" t="s">
        <v>100</v>
      </c>
      <c r="E154" s="3">
        <v>1100</v>
      </c>
      <c r="F154" s="4">
        <v>500</v>
      </c>
      <c r="G154" s="5">
        <v>10</v>
      </c>
      <c r="H154" s="6">
        <v>10</v>
      </c>
    </row>
    <row r="155" spans="1:8" ht="14.5" x14ac:dyDescent="0.35">
      <c r="A155" s="1" t="s">
        <v>81</v>
      </c>
      <c r="B155" s="2" t="s">
        <v>190</v>
      </c>
      <c r="C155" s="1" t="s">
        <v>90</v>
      </c>
      <c r="D155" s="1" t="s">
        <v>100</v>
      </c>
      <c r="E155" s="3">
        <v>1000</v>
      </c>
      <c r="F155" s="4">
        <v>250</v>
      </c>
      <c r="G155" s="5">
        <v>50</v>
      </c>
      <c r="H155" s="6">
        <v>50</v>
      </c>
    </row>
    <row r="156" spans="1:8" ht="14.5" x14ac:dyDescent="0.35">
      <c r="A156" s="1" t="s">
        <v>81</v>
      </c>
      <c r="B156" s="2" t="s">
        <v>330</v>
      </c>
      <c r="C156" s="1" t="s">
        <v>49</v>
      </c>
      <c r="D156" s="1" t="s">
        <v>100</v>
      </c>
      <c r="E156" s="3">
        <v>1000</v>
      </c>
      <c r="F156" s="4">
        <v>300</v>
      </c>
      <c r="G156" s="5">
        <v>50</v>
      </c>
      <c r="H156" s="6">
        <v>50</v>
      </c>
    </row>
    <row r="157" spans="1:8" ht="14.5" x14ac:dyDescent="0.35">
      <c r="A157" s="1" t="s">
        <v>81</v>
      </c>
      <c r="B157" s="2" t="s">
        <v>331</v>
      </c>
      <c r="C157" s="1" t="s">
        <v>49</v>
      </c>
      <c r="D157" s="1" t="s">
        <v>100</v>
      </c>
      <c r="E157" s="3">
        <v>1000</v>
      </c>
      <c r="F157" s="4">
        <v>315</v>
      </c>
      <c r="G157" s="5">
        <v>50</v>
      </c>
      <c r="H157" s="6">
        <v>50</v>
      </c>
    </row>
    <row r="158" spans="1:8" ht="14.5" x14ac:dyDescent="0.35">
      <c r="A158" s="1" t="s">
        <v>81</v>
      </c>
      <c r="B158" s="2" t="s">
        <v>332</v>
      </c>
      <c r="C158" s="1" t="s">
        <v>49</v>
      </c>
      <c r="D158" s="1" t="s">
        <v>100</v>
      </c>
      <c r="E158" s="3">
        <v>1000</v>
      </c>
      <c r="F158" s="4">
        <v>350</v>
      </c>
      <c r="G158" s="5">
        <v>50</v>
      </c>
      <c r="H158" s="6">
        <v>50</v>
      </c>
    </row>
    <row r="159" spans="1:8" ht="14.5" x14ac:dyDescent="0.35">
      <c r="A159" s="1" t="s">
        <v>81</v>
      </c>
      <c r="B159" s="2" t="s">
        <v>333</v>
      </c>
      <c r="C159" s="1" t="s">
        <v>49</v>
      </c>
      <c r="D159" s="1" t="s">
        <v>100</v>
      </c>
      <c r="E159" s="3">
        <v>1000</v>
      </c>
      <c r="F159" s="4">
        <v>355</v>
      </c>
      <c r="G159" s="5">
        <v>50</v>
      </c>
      <c r="H159" s="6">
        <v>50</v>
      </c>
    </row>
    <row r="160" spans="1:8" ht="14.5" x14ac:dyDescent="0.35">
      <c r="A160" s="1" t="s">
        <v>81</v>
      </c>
      <c r="B160" s="2" t="s">
        <v>334</v>
      </c>
      <c r="C160" s="1" t="s">
        <v>49</v>
      </c>
      <c r="D160" s="1" t="s">
        <v>100</v>
      </c>
      <c r="E160" s="3">
        <v>1000</v>
      </c>
      <c r="F160" s="4">
        <v>400</v>
      </c>
      <c r="G160" s="5">
        <v>50</v>
      </c>
      <c r="H160" s="6">
        <v>50</v>
      </c>
    </row>
    <row r="161" spans="1:8" ht="14.5" x14ac:dyDescent="0.35">
      <c r="A161" s="1" t="s">
        <v>81</v>
      </c>
      <c r="B161" s="2" t="s">
        <v>196</v>
      </c>
      <c r="C161" s="1" t="s">
        <v>70</v>
      </c>
      <c r="D161" s="1" t="s">
        <v>100</v>
      </c>
      <c r="E161" s="3">
        <v>1000</v>
      </c>
      <c r="F161" s="4">
        <v>250</v>
      </c>
      <c r="G161" s="5">
        <v>33</v>
      </c>
      <c r="H161" s="6">
        <v>30</v>
      </c>
    </row>
    <row r="162" spans="1:8" ht="14.5" x14ac:dyDescent="0.35">
      <c r="A162" s="1" t="s">
        <v>81</v>
      </c>
      <c r="B162" s="2" t="s">
        <v>335</v>
      </c>
      <c r="C162" s="1" t="s">
        <v>70</v>
      </c>
      <c r="D162" s="1" t="s">
        <v>100</v>
      </c>
      <c r="E162" s="3">
        <v>1000</v>
      </c>
      <c r="F162" s="4">
        <v>315</v>
      </c>
      <c r="G162" s="5">
        <v>33</v>
      </c>
      <c r="H162" s="6">
        <v>30</v>
      </c>
    </row>
    <row r="163" spans="1:8" ht="14.5" x14ac:dyDescent="0.35">
      <c r="A163" s="1" t="s">
        <v>81</v>
      </c>
      <c r="B163" s="2" t="s">
        <v>336</v>
      </c>
      <c r="C163" s="1" t="s">
        <v>70</v>
      </c>
      <c r="D163" s="1" t="s">
        <v>100</v>
      </c>
      <c r="E163" s="3">
        <v>1000</v>
      </c>
      <c r="F163" s="4">
        <v>355</v>
      </c>
      <c r="G163" s="5">
        <v>33</v>
      </c>
      <c r="H163" s="6">
        <v>30</v>
      </c>
    </row>
    <row r="164" spans="1:8" ht="14.5" x14ac:dyDescent="0.35">
      <c r="A164" s="1" t="s">
        <v>81</v>
      </c>
      <c r="B164" s="2" t="s">
        <v>337</v>
      </c>
      <c r="C164" s="1" t="s">
        <v>41</v>
      </c>
      <c r="D164" s="1" t="s">
        <v>100</v>
      </c>
      <c r="E164" s="3">
        <v>1000</v>
      </c>
      <c r="F164" s="4">
        <v>350</v>
      </c>
      <c r="G164" s="5">
        <v>50</v>
      </c>
      <c r="H164" s="6">
        <v>50</v>
      </c>
    </row>
    <row r="165" spans="1:8" ht="14.5" x14ac:dyDescent="0.35">
      <c r="A165" s="1" t="s">
        <v>81</v>
      </c>
      <c r="B165" s="2" t="s">
        <v>338</v>
      </c>
      <c r="C165" s="1" t="s">
        <v>41</v>
      </c>
      <c r="D165" s="1" t="s">
        <v>100</v>
      </c>
      <c r="E165" s="3">
        <v>1000</v>
      </c>
      <c r="F165" s="4">
        <v>400</v>
      </c>
      <c r="G165" s="5">
        <v>50</v>
      </c>
      <c r="H165" s="6">
        <v>50</v>
      </c>
    </row>
    <row r="166" spans="1:8" ht="14.5" x14ac:dyDescent="0.35">
      <c r="A166" s="1" t="s">
        <v>81</v>
      </c>
      <c r="B166" s="2" t="s">
        <v>339</v>
      </c>
      <c r="C166" s="1" t="s">
        <v>41</v>
      </c>
      <c r="D166" s="1" t="s">
        <v>100</v>
      </c>
      <c r="E166" s="3">
        <v>1000</v>
      </c>
      <c r="F166" s="4">
        <v>500</v>
      </c>
      <c r="G166" s="5">
        <v>50</v>
      </c>
      <c r="H166" s="6">
        <v>50</v>
      </c>
    </row>
    <row r="167" spans="1:8" ht="14.5" x14ac:dyDescent="0.35">
      <c r="A167" s="1" t="s">
        <v>81</v>
      </c>
      <c r="B167" s="2" t="s">
        <v>340</v>
      </c>
      <c r="C167" s="1" t="s">
        <v>41</v>
      </c>
      <c r="D167" s="1" t="s">
        <v>100</v>
      </c>
      <c r="E167" s="3">
        <v>1000</v>
      </c>
      <c r="F167" s="4">
        <v>600</v>
      </c>
      <c r="G167" s="5">
        <v>50</v>
      </c>
      <c r="H167" s="6">
        <v>50</v>
      </c>
    </row>
    <row r="168" spans="1:8" ht="14.5" x14ac:dyDescent="0.35">
      <c r="A168" s="1" t="s">
        <v>43</v>
      </c>
      <c r="B168" s="2" t="s">
        <v>201</v>
      </c>
      <c r="C168" s="1" t="s">
        <v>90</v>
      </c>
      <c r="D168" s="1" t="s">
        <v>100</v>
      </c>
      <c r="E168" s="3">
        <v>1000</v>
      </c>
      <c r="F168" s="4">
        <v>250</v>
      </c>
      <c r="G168" s="5">
        <v>50</v>
      </c>
      <c r="H168" s="6">
        <v>50</v>
      </c>
    </row>
    <row r="169" spans="1:8" ht="14.5" x14ac:dyDescent="0.35">
      <c r="A169" s="1" t="s">
        <v>43</v>
      </c>
      <c r="B169" s="2" t="s">
        <v>150</v>
      </c>
      <c r="C169" s="1" t="s">
        <v>70</v>
      </c>
      <c r="D169" s="1" t="s">
        <v>100</v>
      </c>
      <c r="E169" s="3">
        <v>1250</v>
      </c>
      <c r="F169" s="4">
        <v>250</v>
      </c>
      <c r="G169" s="5">
        <v>50</v>
      </c>
      <c r="H169" s="6">
        <v>50</v>
      </c>
    </row>
    <row r="170" spans="1:8" ht="14.5" x14ac:dyDescent="0.35">
      <c r="A170" s="1" t="s">
        <v>43</v>
      </c>
      <c r="B170" s="2" t="s">
        <v>151</v>
      </c>
      <c r="C170" s="1" t="s">
        <v>41</v>
      </c>
      <c r="D170" s="1" t="s">
        <v>100</v>
      </c>
      <c r="E170" s="3">
        <v>1250</v>
      </c>
      <c r="F170" s="4">
        <v>250</v>
      </c>
      <c r="G170" s="5">
        <v>50</v>
      </c>
      <c r="H170" s="6">
        <v>50</v>
      </c>
    </row>
    <row r="171" spans="1:8" ht="14.5" x14ac:dyDescent="0.35">
      <c r="A171" s="1" t="s">
        <v>43</v>
      </c>
      <c r="B171" s="2" t="s">
        <v>341</v>
      </c>
      <c r="C171" s="1" t="s">
        <v>41</v>
      </c>
      <c r="D171" s="1" t="s">
        <v>100</v>
      </c>
      <c r="E171" s="3">
        <v>1250</v>
      </c>
      <c r="F171" s="4">
        <v>315</v>
      </c>
      <c r="G171" s="5">
        <v>50</v>
      </c>
      <c r="H171" s="6">
        <v>50</v>
      </c>
    </row>
    <row r="172" spans="1:8" ht="14.5" x14ac:dyDescent="0.35">
      <c r="A172" s="1" t="s">
        <v>43</v>
      </c>
      <c r="B172" s="2" t="s">
        <v>342</v>
      </c>
      <c r="C172" s="1" t="s">
        <v>41</v>
      </c>
      <c r="D172" s="1" t="s">
        <v>100</v>
      </c>
      <c r="E172" s="3">
        <v>1250</v>
      </c>
      <c r="F172" s="4">
        <v>350</v>
      </c>
      <c r="G172" s="5">
        <v>50</v>
      </c>
      <c r="H172" s="6">
        <v>50</v>
      </c>
    </row>
    <row r="173" spans="1:8" ht="14.5" x14ac:dyDescent="0.35">
      <c r="A173" s="1" t="s">
        <v>43</v>
      </c>
      <c r="B173" s="2" t="s">
        <v>343</v>
      </c>
      <c r="C173" s="1" t="s">
        <v>41</v>
      </c>
      <c r="D173" s="1" t="s">
        <v>100</v>
      </c>
      <c r="E173" s="3">
        <v>1250</v>
      </c>
      <c r="F173" s="4">
        <v>400</v>
      </c>
      <c r="G173" s="5">
        <v>50</v>
      </c>
      <c r="H173" s="6">
        <v>50</v>
      </c>
    </row>
    <row r="174" spans="1:8" ht="14.5" x14ac:dyDescent="0.35">
      <c r="A174" s="1" t="s">
        <v>18</v>
      </c>
      <c r="B174" s="2" t="s">
        <v>207</v>
      </c>
      <c r="C174" s="1" t="s">
        <v>41</v>
      </c>
      <c r="D174" s="1" t="s">
        <v>203</v>
      </c>
      <c r="E174" s="3">
        <v>1500</v>
      </c>
      <c r="F174" s="4">
        <v>250</v>
      </c>
      <c r="G174" s="5">
        <v>170</v>
      </c>
      <c r="H174" s="6">
        <v>50</v>
      </c>
    </row>
    <row r="175" spans="1:8" ht="14.5" x14ac:dyDescent="0.35">
      <c r="A175" s="1" t="s">
        <v>18</v>
      </c>
      <c r="B175" s="2" t="s">
        <v>344</v>
      </c>
      <c r="C175" s="1" t="s">
        <v>41</v>
      </c>
      <c r="D175" s="1" t="s">
        <v>203</v>
      </c>
      <c r="E175" s="3">
        <v>1500</v>
      </c>
      <c r="F175" s="4">
        <v>315</v>
      </c>
      <c r="G175" s="5">
        <v>170</v>
      </c>
      <c r="H175" s="6">
        <v>50</v>
      </c>
    </row>
    <row r="176" spans="1:8" ht="14.5" x14ac:dyDescent="0.35">
      <c r="A176" s="1" t="s">
        <v>18</v>
      </c>
      <c r="B176" s="2" t="s">
        <v>345</v>
      </c>
      <c r="C176" s="1" t="s">
        <v>41</v>
      </c>
      <c r="D176" s="1" t="s">
        <v>203</v>
      </c>
      <c r="E176" s="3">
        <v>1500</v>
      </c>
      <c r="F176" s="4">
        <v>350</v>
      </c>
      <c r="G176" s="5">
        <v>170</v>
      </c>
      <c r="H176" s="6">
        <v>50</v>
      </c>
    </row>
    <row r="177" spans="1:8" ht="14.5" x14ac:dyDescent="0.35">
      <c r="A177" s="1" t="s">
        <v>18</v>
      </c>
      <c r="B177" s="2" t="s">
        <v>346</v>
      </c>
      <c r="C177" s="1" t="s">
        <v>41</v>
      </c>
      <c r="D177" s="1" t="s">
        <v>203</v>
      </c>
      <c r="E177" s="3">
        <v>1500</v>
      </c>
      <c r="F177" s="4">
        <v>400</v>
      </c>
      <c r="G177" s="5">
        <v>170</v>
      </c>
      <c r="H177" s="6">
        <v>50</v>
      </c>
    </row>
    <row r="178" spans="1:8" ht="14.5" x14ac:dyDescent="0.35">
      <c r="A178" s="1" t="s">
        <v>18</v>
      </c>
      <c r="B178" s="2" t="s">
        <v>347</v>
      </c>
      <c r="C178" s="1" t="s">
        <v>41</v>
      </c>
      <c r="D178" s="1" t="s">
        <v>203</v>
      </c>
      <c r="E178" s="3">
        <v>1500</v>
      </c>
      <c r="F178" s="4">
        <v>450</v>
      </c>
      <c r="G178" s="5">
        <v>170</v>
      </c>
      <c r="H178" s="6">
        <v>50</v>
      </c>
    </row>
    <row r="179" spans="1:8" ht="14.5" x14ac:dyDescent="0.35">
      <c r="A179" s="1" t="s">
        <v>18</v>
      </c>
      <c r="B179" s="2" t="s">
        <v>348</v>
      </c>
      <c r="C179" s="1" t="s">
        <v>41</v>
      </c>
      <c r="D179" s="1" t="s">
        <v>203</v>
      </c>
      <c r="E179" s="3">
        <v>1500</v>
      </c>
      <c r="F179" s="4">
        <v>500</v>
      </c>
      <c r="G179" s="5">
        <v>170</v>
      </c>
      <c r="H179" s="6">
        <v>50</v>
      </c>
    </row>
  </sheetData>
  <sheetProtection algorithmName="SHA-512" hashValue="TBfDh6DJeglF4dLX/7oitCV7fAb8WEIR9OcMDSjNbNz50OvLZFLBXvK6xZwsoPjF1gvdObd7G5hW6XYcjjI1zg==" saltValue="7eWI8ICyxeDSAGiDMV+WDw==" spinCount="100000" sheet="1" sort="0" autoFilter="0"/>
  <mergeCells count="7">
    <mergeCell ref="A1:H12"/>
    <mergeCell ref="A15:G15"/>
    <mergeCell ref="K9:N11"/>
    <mergeCell ref="K1:K6"/>
    <mergeCell ref="L1:L6"/>
    <mergeCell ref="M1:M6"/>
    <mergeCell ref="N1:N6"/>
  </mergeCells>
  <conditionalFormatting sqref="B18:B23">
    <cfRule type="duplicateValues" dxfId="21" priority="11"/>
  </conditionalFormatting>
  <conditionalFormatting sqref="B24:B28">
    <cfRule type="duplicateValues" dxfId="20" priority="10"/>
  </conditionalFormatting>
  <conditionalFormatting sqref="B29:B33">
    <cfRule type="duplicateValues" dxfId="19" priority="1"/>
  </conditionalFormatting>
  <conditionalFormatting sqref="B34:B37">
    <cfRule type="duplicateValues" dxfId="18" priority="3"/>
  </conditionalFormatting>
  <conditionalFormatting sqref="B38:B39">
    <cfRule type="duplicateValues" dxfId="17" priority="2"/>
  </conditionalFormatting>
  <conditionalFormatting sqref="B40:B54">
    <cfRule type="duplicateValues" dxfId="16" priority="9"/>
  </conditionalFormatting>
  <conditionalFormatting sqref="B55:B56">
    <cfRule type="duplicateValues" dxfId="15" priority="8"/>
  </conditionalFormatting>
  <conditionalFormatting sqref="B57:B63 B18:B23">
    <cfRule type="duplicateValues" dxfId="14" priority="7"/>
  </conditionalFormatting>
  <conditionalFormatting sqref="B64:B65">
    <cfRule type="duplicateValues" dxfId="13" priority="6"/>
  </conditionalFormatting>
  <conditionalFormatting sqref="B77:B79">
    <cfRule type="duplicateValues" dxfId="12" priority="5"/>
  </conditionalFormatting>
  <conditionalFormatting sqref="B81:B179 B57:B63 B66:B76 B18:B23">
    <cfRule type="duplicateValues" dxfId="11" priority="4"/>
  </conditionalFormatting>
  <pageMargins left="0.7" right="0.7" top="0.75" bottom="0.75" header="0.3" footer="0.3"/>
  <pageSetup paperSize="9" orientation="portrait" r:id="rId1"/>
  <tableParts count="1">
    <tablePart r:id="rId2"/>
  </tablePart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91B2270-6BE8-4D80-B5C5-522F120BA510}">
  <dimension ref="A1:N179"/>
  <sheetViews>
    <sheetView tabSelected="1" workbookViewId="0">
      <selection activeCell="F23" sqref="F23"/>
    </sheetView>
  </sheetViews>
  <sheetFormatPr defaultColWidth="9.1640625" defaultRowHeight="13" x14ac:dyDescent="0.35"/>
  <cols>
    <col min="1" max="1" width="14.83203125" customWidth="1"/>
    <col min="2" max="2" width="21.75" customWidth="1"/>
    <col min="3" max="3" width="13.58203125" customWidth="1"/>
    <col min="4" max="4" width="10.25" customWidth="1"/>
    <col min="5" max="6" width="13" customWidth="1"/>
    <col min="7" max="7" width="13.58203125" customWidth="1"/>
    <col min="8" max="8" width="15.4140625" customWidth="1"/>
    <col min="9" max="9" width="9.4140625" bestFit="1" customWidth="1"/>
    <col min="10" max="10" width="20.4140625" customWidth="1"/>
    <col min="11" max="11" width="12.83203125" customWidth="1"/>
  </cols>
  <sheetData>
    <row r="1" spans="1:14" ht="12.75" customHeight="1" x14ac:dyDescent="0.35">
      <c r="A1" s="15" t="s">
        <v>349</v>
      </c>
      <c r="B1" s="16"/>
      <c r="C1" s="16"/>
      <c r="D1" s="16"/>
      <c r="E1" s="16"/>
      <c r="F1" s="16"/>
      <c r="G1" s="16"/>
      <c r="H1" s="16"/>
      <c r="K1" s="23" t="s">
        <v>209</v>
      </c>
      <c r="L1" s="23" t="s">
        <v>210</v>
      </c>
      <c r="M1" s="23" t="s">
        <v>211</v>
      </c>
      <c r="N1" s="23" t="s">
        <v>212</v>
      </c>
    </row>
    <row r="2" spans="1:14" ht="13" customHeight="1" x14ac:dyDescent="0.35">
      <c r="A2" s="16"/>
      <c r="B2" s="16"/>
      <c r="C2" s="16"/>
      <c r="D2" s="16"/>
      <c r="E2" s="16"/>
      <c r="F2" s="16"/>
      <c r="G2" s="16"/>
      <c r="H2" s="16"/>
      <c r="K2" s="24"/>
      <c r="L2" s="24"/>
      <c r="M2" s="24"/>
      <c r="N2" s="24"/>
    </row>
    <row r="3" spans="1:14" ht="13" customHeight="1" x14ac:dyDescent="0.35">
      <c r="A3" s="16"/>
      <c r="B3" s="16"/>
      <c r="C3" s="16"/>
      <c r="D3" s="16"/>
      <c r="E3" s="16"/>
      <c r="F3" s="16"/>
      <c r="G3" s="16"/>
      <c r="H3" s="16"/>
      <c r="K3" s="24"/>
      <c r="L3" s="24"/>
      <c r="M3" s="24"/>
      <c r="N3" s="24"/>
    </row>
    <row r="4" spans="1:14" ht="13" customHeight="1" x14ac:dyDescent="0.35">
      <c r="A4" s="16"/>
      <c r="B4" s="16"/>
      <c r="C4" s="16"/>
      <c r="D4" s="16"/>
      <c r="E4" s="16"/>
      <c r="F4" s="16"/>
      <c r="G4" s="16"/>
      <c r="H4" s="16"/>
      <c r="K4" s="24"/>
      <c r="L4" s="24"/>
      <c r="M4" s="24"/>
      <c r="N4" s="24"/>
    </row>
    <row r="5" spans="1:14" ht="13" customHeight="1" x14ac:dyDescent="0.35">
      <c r="A5" s="16"/>
      <c r="B5" s="16"/>
      <c r="C5" s="16"/>
      <c r="D5" s="16"/>
      <c r="E5" s="16"/>
      <c r="F5" s="16"/>
      <c r="G5" s="16"/>
      <c r="H5" s="16"/>
      <c r="K5" s="24"/>
      <c r="L5" s="24"/>
      <c r="M5" s="24"/>
      <c r="N5" s="24"/>
    </row>
    <row r="6" spans="1:14" ht="13" customHeight="1" x14ac:dyDescent="0.35">
      <c r="A6" s="16"/>
      <c r="B6" s="16"/>
      <c r="C6" s="16"/>
      <c r="D6" s="16"/>
      <c r="E6" s="16"/>
      <c r="F6" s="16"/>
      <c r="G6" s="16"/>
      <c r="H6" s="16"/>
      <c r="K6" s="24"/>
      <c r="L6" s="24"/>
      <c r="M6" s="24"/>
      <c r="N6" s="24"/>
    </row>
    <row r="7" spans="1:14" x14ac:dyDescent="0.35">
      <c r="A7" s="16"/>
      <c r="B7" s="16"/>
      <c r="C7" s="16"/>
      <c r="D7" s="16"/>
      <c r="E7" s="16"/>
      <c r="F7" s="16"/>
      <c r="G7" s="16"/>
      <c r="H7" s="16"/>
      <c r="K7" s="25"/>
      <c r="L7" s="25"/>
      <c r="M7" s="25"/>
      <c r="N7" s="25"/>
    </row>
    <row r="8" spans="1:14" x14ac:dyDescent="0.35">
      <c r="A8" s="16"/>
      <c r="B8" s="16"/>
      <c r="C8" s="16"/>
      <c r="D8" s="16"/>
      <c r="E8" s="16"/>
      <c r="F8" s="16"/>
      <c r="G8" s="16"/>
      <c r="H8" s="16"/>
      <c r="J8" s="14" t="s">
        <v>350</v>
      </c>
      <c r="K8" s="12" t="s">
        <v>214</v>
      </c>
      <c r="L8" s="12" t="s">
        <v>215</v>
      </c>
      <c r="M8" s="12" t="s">
        <v>351</v>
      </c>
      <c r="N8" s="12" t="s">
        <v>352</v>
      </c>
    </row>
    <row r="9" spans="1:14" x14ac:dyDescent="0.35">
      <c r="A9" s="16"/>
      <c r="B9" s="16"/>
      <c r="C9" s="16"/>
      <c r="D9" s="16"/>
      <c r="E9" s="16"/>
      <c r="F9" s="16"/>
      <c r="G9" s="16"/>
      <c r="H9" s="16"/>
      <c r="K9" s="20" t="s">
        <v>218</v>
      </c>
      <c r="L9" s="20"/>
      <c r="M9" s="20"/>
      <c r="N9" s="20"/>
    </row>
    <row r="10" spans="1:14" x14ac:dyDescent="0.35">
      <c r="A10" s="16"/>
      <c r="B10" s="16"/>
      <c r="C10" s="16"/>
      <c r="D10" s="16"/>
      <c r="E10" s="16"/>
      <c r="F10" s="16"/>
      <c r="G10" s="16"/>
      <c r="H10" s="16"/>
      <c r="K10" s="21"/>
      <c r="L10" s="21"/>
      <c r="M10" s="21"/>
      <c r="N10" s="21"/>
    </row>
    <row r="11" spans="1:14" x14ac:dyDescent="0.35">
      <c r="A11" s="16"/>
      <c r="B11" s="16"/>
      <c r="C11" s="16"/>
      <c r="D11" s="16"/>
      <c r="E11" s="16"/>
      <c r="F11" s="16"/>
      <c r="G11" s="16"/>
      <c r="H11" s="16"/>
      <c r="K11" s="22"/>
      <c r="L11" s="22"/>
      <c r="M11" s="22"/>
      <c r="N11" s="22"/>
    </row>
    <row r="12" spans="1:14" x14ac:dyDescent="0.35">
      <c r="A12" s="16"/>
      <c r="B12" s="16"/>
      <c r="C12" s="16"/>
      <c r="D12" s="16"/>
      <c r="E12" s="16"/>
      <c r="F12" s="16"/>
      <c r="G12" s="16"/>
      <c r="H12" s="16"/>
    </row>
    <row r="15" spans="1:14" ht="26.5" x14ac:dyDescent="0.65">
      <c r="A15" s="17" t="s">
        <v>1</v>
      </c>
      <c r="B15" s="18"/>
      <c r="C15" s="18"/>
      <c r="D15" s="18"/>
      <c r="E15" s="18"/>
      <c r="F15" s="18"/>
      <c r="G15" s="19"/>
      <c r="H15" s="8"/>
    </row>
    <row r="16" spans="1:14" ht="90" x14ac:dyDescent="0.4">
      <c r="A16" s="9" t="s">
        <v>2</v>
      </c>
      <c r="B16" s="10" t="s">
        <v>3</v>
      </c>
      <c r="C16" s="10" t="s">
        <v>4</v>
      </c>
      <c r="D16" s="10" t="s">
        <v>5</v>
      </c>
      <c r="E16" s="9" t="s">
        <v>6</v>
      </c>
      <c r="F16" s="11" t="s">
        <v>7</v>
      </c>
      <c r="G16" s="9" t="s">
        <v>8</v>
      </c>
      <c r="H16" s="8" t="s">
        <v>9</v>
      </c>
    </row>
    <row r="17" spans="1:8" ht="14.5" x14ac:dyDescent="0.35">
      <c r="A17" s="1" t="s">
        <v>10</v>
      </c>
      <c r="B17" s="2" t="s">
        <v>353</v>
      </c>
      <c r="C17" s="1" t="s">
        <v>83</v>
      </c>
      <c r="D17" s="1" t="s">
        <v>13</v>
      </c>
      <c r="E17" s="3">
        <v>1500</v>
      </c>
      <c r="F17" s="4">
        <v>800</v>
      </c>
      <c r="G17" s="5">
        <v>250</v>
      </c>
      <c r="H17" s="6">
        <v>50</v>
      </c>
    </row>
    <row r="18" spans="1:8" ht="14.5" x14ac:dyDescent="0.35">
      <c r="A18" s="1" t="s">
        <v>10</v>
      </c>
      <c r="B18" s="2" t="s">
        <v>354</v>
      </c>
      <c r="C18" s="1" t="s">
        <v>83</v>
      </c>
      <c r="D18" s="1" t="s">
        <v>13</v>
      </c>
      <c r="E18" s="3">
        <v>1500</v>
      </c>
      <c r="F18" s="4">
        <v>900</v>
      </c>
      <c r="G18" s="5">
        <v>250</v>
      </c>
      <c r="H18" s="6">
        <v>50</v>
      </c>
    </row>
    <row r="19" spans="1:8" ht="14.5" x14ac:dyDescent="0.35">
      <c r="A19" s="1" t="s">
        <v>10</v>
      </c>
      <c r="B19" s="2" t="s">
        <v>355</v>
      </c>
      <c r="C19" s="1" t="s">
        <v>83</v>
      </c>
      <c r="D19" s="1" t="s">
        <v>13</v>
      </c>
      <c r="E19" s="3">
        <v>1500</v>
      </c>
      <c r="F19" s="4">
        <v>1000</v>
      </c>
      <c r="G19" s="5">
        <v>250</v>
      </c>
      <c r="H19" s="6">
        <v>50</v>
      </c>
    </row>
    <row r="20" spans="1:8" ht="14.5" x14ac:dyDescent="0.35">
      <c r="A20" s="1" t="s">
        <v>18</v>
      </c>
      <c r="B20" s="2" t="s">
        <v>356</v>
      </c>
      <c r="C20" s="1" t="s">
        <v>39</v>
      </c>
      <c r="D20" s="1" t="s">
        <v>21</v>
      </c>
      <c r="E20" s="3">
        <v>1500</v>
      </c>
      <c r="F20" s="4">
        <v>800</v>
      </c>
      <c r="G20" s="5">
        <v>170</v>
      </c>
      <c r="H20" s="6">
        <v>50</v>
      </c>
    </row>
    <row r="21" spans="1:8" ht="14.5" x14ac:dyDescent="0.35">
      <c r="A21" s="1" t="s">
        <v>18</v>
      </c>
      <c r="B21" s="2" t="s">
        <v>357</v>
      </c>
      <c r="C21" s="1" t="s">
        <v>358</v>
      </c>
      <c r="D21" s="1" t="s">
        <v>21</v>
      </c>
      <c r="E21" s="3">
        <v>1500</v>
      </c>
      <c r="F21" s="4">
        <v>800</v>
      </c>
      <c r="G21" s="5">
        <v>170</v>
      </c>
      <c r="H21" s="6">
        <v>50</v>
      </c>
    </row>
    <row r="22" spans="1:8" ht="14.5" x14ac:dyDescent="0.35">
      <c r="A22" s="1" t="s">
        <v>18</v>
      </c>
      <c r="B22" s="2" t="s">
        <v>359</v>
      </c>
      <c r="C22" s="1" t="s">
        <v>358</v>
      </c>
      <c r="D22" s="1" t="s">
        <v>21</v>
      </c>
      <c r="E22" s="3">
        <v>1500</v>
      </c>
      <c r="F22" s="4">
        <v>900</v>
      </c>
      <c r="G22" s="5">
        <v>170</v>
      </c>
      <c r="H22" s="6">
        <v>50</v>
      </c>
    </row>
    <row r="23" spans="1:8" ht="14.5" x14ac:dyDescent="0.35">
      <c r="A23" s="1" t="s">
        <v>18</v>
      </c>
      <c r="B23" s="2" t="s">
        <v>360</v>
      </c>
      <c r="C23" s="1" t="s">
        <v>358</v>
      </c>
      <c r="D23" s="1" t="s">
        <v>21</v>
      </c>
      <c r="E23" s="3">
        <v>1500</v>
      </c>
      <c r="F23" s="4">
        <v>1000</v>
      </c>
      <c r="G23" s="5">
        <v>170</v>
      </c>
      <c r="H23" s="6">
        <v>50</v>
      </c>
    </row>
    <row r="24" spans="1:8" ht="14.5" x14ac:dyDescent="0.35">
      <c r="A24" s="1" t="s">
        <v>18</v>
      </c>
      <c r="B24" s="2" t="s">
        <v>361</v>
      </c>
      <c r="C24" s="1" t="s">
        <v>248</v>
      </c>
      <c r="D24" s="1" t="s">
        <v>21</v>
      </c>
      <c r="E24" s="3">
        <v>1500</v>
      </c>
      <c r="F24" s="4">
        <v>800</v>
      </c>
      <c r="G24" s="5">
        <v>100</v>
      </c>
      <c r="H24" s="6">
        <v>50</v>
      </c>
    </row>
    <row r="25" spans="1:8" ht="14.5" x14ac:dyDescent="0.35">
      <c r="A25" s="1" t="s">
        <v>18</v>
      </c>
      <c r="B25" s="2" t="s">
        <v>362</v>
      </c>
      <c r="C25" s="1" t="s">
        <v>248</v>
      </c>
      <c r="D25" s="1" t="s">
        <v>21</v>
      </c>
      <c r="E25" s="3">
        <v>1500</v>
      </c>
      <c r="F25" s="4">
        <v>900</v>
      </c>
      <c r="G25" s="5">
        <v>100</v>
      </c>
      <c r="H25" s="6">
        <v>50</v>
      </c>
    </row>
    <row r="26" spans="1:8" ht="14.5" x14ac:dyDescent="0.35">
      <c r="A26" s="1" t="s">
        <v>18</v>
      </c>
      <c r="B26" s="2" t="s">
        <v>363</v>
      </c>
      <c r="C26" s="1" t="s">
        <v>248</v>
      </c>
      <c r="D26" s="1" t="s">
        <v>21</v>
      </c>
      <c r="E26" s="3">
        <v>1500</v>
      </c>
      <c r="F26" s="4">
        <v>1000</v>
      </c>
      <c r="G26" s="5">
        <v>100</v>
      </c>
      <c r="H26" s="6">
        <v>50</v>
      </c>
    </row>
    <row r="27" spans="1:8" ht="14.5" x14ac:dyDescent="0.35">
      <c r="A27" s="1" t="s">
        <v>43</v>
      </c>
      <c r="B27" s="2" t="s">
        <v>364</v>
      </c>
      <c r="C27" s="1" t="s">
        <v>55</v>
      </c>
      <c r="D27" s="1" t="s">
        <v>56</v>
      </c>
      <c r="E27" s="3">
        <v>1500</v>
      </c>
      <c r="F27" s="4">
        <v>800</v>
      </c>
      <c r="G27" s="5">
        <v>250</v>
      </c>
      <c r="H27" s="6">
        <v>50</v>
      </c>
    </row>
    <row r="28" spans="1:8" ht="14.5" x14ac:dyDescent="0.35">
      <c r="A28" s="1" t="s">
        <v>43</v>
      </c>
      <c r="B28" s="2" t="s">
        <v>365</v>
      </c>
      <c r="C28" s="1" t="s">
        <v>55</v>
      </c>
      <c r="D28" s="1" t="s">
        <v>56</v>
      </c>
      <c r="E28" s="3">
        <v>1500</v>
      </c>
      <c r="F28" s="4">
        <v>900</v>
      </c>
      <c r="G28" s="5">
        <v>250</v>
      </c>
      <c r="H28" s="6">
        <v>50</v>
      </c>
    </row>
    <row r="29" spans="1:8" ht="14.5" x14ac:dyDescent="0.35">
      <c r="A29" s="1" t="s">
        <v>43</v>
      </c>
      <c r="B29" s="2" t="s">
        <v>366</v>
      </c>
      <c r="C29" s="1" t="s">
        <v>55</v>
      </c>
      <c r="D29" s="1" t="s">
        <v>56</v>
      </c>
      <c r="E29" s="3">
        <v>1500</v>
      </c>
      <c r="F29" s="4">
        <v>1000</v>
      </c>
      <c r="G29" s="5">
        <v>250</v>
      </c>
      <c r="H29" s="6">
        <v>50</v>
      </c>
    </row>
    <row r="30" spans="1:8" ht="14.5" x14ac:dyDescent="0.35">
      <c r="A30" s="1"/>
      <c r="B30" s="2"/>
      <c r="C30" s="1"/>
      <c r="D30" s="1"/>
      <c r="E30" s="3"/>
      <c r="F30" s="4"/>
      <c r="G30" s="5"/>
      <c r="H30" s="6"/>
    </row>
    <row r="31" spans="1:8" ht="14.5" x14ac:dyDescent="0.35">
      <c r="A31" s="1"/>
      <c r="B31" s="2"/>
      <c r="C31" s="1"/>
      <c r="D31" s="1"/>
      <c r="E31" s="3"/>
      <c r="F31" s="4"/>
      <c r="G31" s="5"/>
      <c r="H31" s="6"/>
    </row>
    <row r="32" spans="1:8" ht="14.5" x14ac:dyDescent="0.35">
      <c r="A32" s="1"/>
      <c r="B32" s="2"/>
      <c r="C32" s="1"/>
      <c r="D32" s="1"/>
      <c r="E32" s="3"/>
      <c r="F32" s="4"/>
      <c r="G32" s="5"/>
      <c r="H32" s="6"/>
    </row>
    <row r="33" spans="1:8" ht="14.5" x14ac:dyDescent="0.35">
      <c r="A33" s="1"/>
      <c r="B33" s="2"/>
      <c r="C33" s="1"/>
      <c r="D33" s="1"/>
      <c r="E33" s="3"/>
      <c r="F33" s="4"/>
      <c r="G33" s="5"/>
      <c r="H33" s="6"/>
    </row>
    <row r="34" spans="1:8" ht="14.5" x14ac:dyDescent="0.35">
      <c r="A34" s="1"/>
      <c r="B34" s="2"/>
      <c r="C34" s="1"/>
      <c r="D34" s="1"/>
      <c r="E34" s="3"/>
      <c r="F34" s="4"/>
      <c r="G34" s="5"/>
      <c r="H34" s="6"/>
    </row>
    <row r="35" spans="1:8" ht="14.5" x14ac:dyDescent="0.35">
      <c r="A35" s="1"/>
      <c r="B35" s="2"/>
      <c r="C35" s="1"/>
      <c r="D35" s="1"/>
      <c r="E35" s="3"/>
      <c r="F35" s="4"/>
      <c r="G35" s="5"/>
      <c r="H35" s="6"/>
    </row>
    <row r="36" spans="1:8" ht="14.5" x14ac:dyDescent="0.35">
      <c r="A36" s="1"/>
      <c r="B36" s="2"/>
      <c r="C36" s="1"/>
      <c r="D36" s="1"/>
      <c r="E36" s="3"/>
      <c r="F36" s="4"/>
      <c r="G36" s="5"/>
      <c r="H36" s="6"/>
    </row>
    <row r="37" spans="1:8" ht="14.5" x14ac:dyDescent="0.35">
      <c r="A37" s="1"/>
      <c r="B37" s="2"/>
      <c r="C37" s="1"/>
      <c r="D37" s="1"/>
      <c r="E37" s="3"/>
      <c r="F37" s="4"/>
      <c r="G37" s="5"/>
      <c r="H37" s="6"/>
    </row>
    <row r="38" spans="1:8" ht="14.5" x14ac:dyDescent="0.35">
      <c r="A38" s="1"/>
      <c r="B38" s="2"/>
      <c r="C38" s="1"/>
      <c r="D38" s="1"/>
      <c r="E38" s="3"/>
      <c r="F38" s="4"/>
      <c r="G38" s="5"/>
      <c r="H38" s="6"/>
    </row>
    <row r="39" spans="1:8" ht="14.5" x14ac:dyDescent="0.35">
      <c r="A39" s="1"/>
      <c r="B39" s="2"/>
      <c r="C39" s="1"/>
      <c r="D39" s="1"/>
      <c r="E39" s="3"/>
      <c r="F39" s="4"/>
      <c r="G39" s="5"/>
      <c r="H39" s="6"/>
    </row>
    <row r="40" spans="1:8" ht="14.5" x14ac:dyDescent="0.35">
      <c r="A40" s="1"/>
      <c r="B40" s="2"/>
      <c r="C40" s="1"/>
      <c r="D40" s="1"/>
      <c r="E40" s="3"/>
      <c r="F40" s="4"/>
      <c r="G40" s="5"/>
      <c r="H40" s="6"/>
    </row>
    <row r="41" spans="1:8" ht="14.5" x14ac:dyDescent="0.35">
      <c r="A41" s="1"/>
      <c r="B41" s="2"/>
      <c r="C41" s="1"/>
      <c r="D41" s="1"/>
      <c r="E41" s="3"/>
      <c r="F41" s="4"/>
      <c r="G41" s="5"/>
      <c r="H41" s="6"/>
    </row>
    <row r="42" spans="1:8" ht="14.5" x14ac:dyDescent="0.35">
      <c r="A42" s="1"/>
      <c r="B42" s="2"/>
      <c r="C42" s="1"/>
      <c r="D42" s="1"/>
      <c r="E42" s="3"/>
      <c r="F42" s="4"/>
      <c r="G42" s="5"/>
      <c r="H42" s="6"/>
    </row>
    <row r="43" spans="1:8" ht="14.5" x14ac:dyDescent="0.35">
      <c r="A43" s="1"/>
      <c r="B43" s="1"/>
      <c r="C43" s="1"/>
      <c r="D43" s="1"/>
      <c r="E43" s="3"/>
      <c r="F43" s="4"/>
      <c r="G43" s="5"/>
      <c r="H43" s="6"/>
    </row>
    <row r="44" spans="1:8" ht="14.5" x14ac:dyDescent="0.35">
      <c r="A44" s="1"/>
      <c r="B44" s="1"/>
      <c r="C44" s="1"/>
      <c r="D44" s="1"/>
      <c r="E44" s="3"/>
      <c r="F44" s="4"/>
      <c r="G44" s="5"/>
      <c r="H44" s="6"/>
    </row>
    <row r="45" spans="1:8" ht="14.5" x14ac:dyDescent="0.35">
      <c r="A45" s="1"/>
      <c r="B45" s="1"/>
      <c r="C45" s="1"/>
      <c r="D45" s="1"/>
      <c r="E45" s="3"/>
      <c r="F45" s="4"/>
      <c r="G45" s="5"/>
      <c r="H45" s="6"/>
    </row>
    <row r="46" spans="1:8" ht="14.5" x14ac:dyDescent="0.35">
      <c r="A46" s="1"/>
      <c r="B46" s="1"/>
      <c r="C46" s="1"/>
      <c r="D46" s="1"/>
      <c r="E46" s="3"/>
      <c r="F46" s="4"/>
      <c r="G46" s="5"/>
      <c r="H46" s="6"/>
    </row>
    <row r="47" spans="1:8" ht="14.5" x14ac:dyDescent="0.35">
      <c r="A47" s="1"/>
      <c r="B47" s="1"/>
      <c r="C47" s="1"/>
      <c r="D47" s="1"/>
      <c r="E47" s="3"/>
      <c r="F47" s="4"/>
      <c r="G47" s="5"/>
      <c r="H47" s="6"/>
    </row>
    <row r="48" spans="1:8" ht="14.5" x14ac:dyDescent="0.35">
      <c r="A48" s="1"/>
      <c r="B48" s="1"/>
      <c r="C48" s="1"/>
      <c r="D48" s="1"/>
      <c r="E48" s="3"/>
      <c r="F48" s="4"/>
      <c r="G48" s="5"/>
      <c r="H48" s="6"/>
    </row>
    <row r="49" spans="1:8" ht="14.5" x14ac:dyDescent="0.35">
      <c r="A49" s="1"/>
      <c r="B49" s="1"/>
      <c r="C49" s="1"/>
      <c r="D49" s="1"/>
      <c r="E49" s="3"/>
      <c r="F49" s="4"/>
      <c r="G49" s="5"/>
      <c r="H49" s="6"/>
    </row>
    <row r="50" spans="1:8" ht="14.5" x14ac:dyDescent="0.35">
      <c r="A50" s="1"/>
      <c r="B50" s="2"/>
      <c r="C50" s="1"/>
      <c r="D50" s="1"/>
      <c r="E50" s="3"/>
      <c r="F50" s="4"/>
      <c r="G50" s="5"/>
      <c r="H50" s="6"/>
    </row>
    <row r="51" spans="1:8" ht="14.5" x14ac:dyDescent="0.35">
      <c r="A51" s="1"/>
      <c r="B51" s="2"/>
      <c r="C51" s="1"/>
      <c r="D51" s="1"/>
      <c r="E51" s="3"/>
      <c r="F51" s="4"/>
      <c r="G51" s="5"/>
      <c r="H51" s="6"/>
    </row>
    <row r="52" spans="1:8" ht="14.5" x14ac:dyDescent="0.35">
      <c r="A52" s="1"/>
      <c r="B52" s="2"/>
      <c r="C52" s="1"/>
      <c r="D52" s="1"/>
      <c r="E52" s="3"/>
      <c r="F52" s="4"/>
      <c r="G52" s="5"/>
      <c r="H52" s="6"/>
    </row>
    <row r="53" spans="1:8" ht="14.5" x14ac:dyDescent="0.35">
      <c r="A53" s="1"/>
      <c r="B53" s="2"/>
      <c r="C53" s="1"/>
      <c r="D53" s="1"/>
      <c r="E53" s="3"/>
      <c r="F53" s="4"/>
      <c r="G53" s="5"/>
      <c r="H53" s="6"/>
    </row>
    <row r="54" spans="1:8" ht="14.5" x14ac:dyDescent="0.35">
      <c r="A54" s="1"/>
      <c r="B54" s="2"/>
      <c r="C54" s="1"/>
      <c r="D54" s="1"/>
      <c r="E54" s="3"/>
      <c r="F54" s="4"/>
      <c r="G54" s="5"/>
      <c r="H54" s="6"/>
    </row>
    <row r="55" spans="1:8" ht="14.5" x14ac:dyDescent="0.35">
      <c r="A55" s="1"/>
      <c r="B55" s="2"/>
      <c r="C55" s="1"/>
      <c r="D55" s="1"/>
      <c r="E55" s="3"/>
      <c r="F55" s="4"/>
      <c r="G55" s="5"/>
      <c r="H55" s="6"/>
    </row>
    <row r="56" spans="1:8" ht="14.5" x14ac:dyDescent="0.35">
      <c r="A56" s="1"/>
      <c r="B56" s="2"/>
      <c r="C56" s="1"/>
      <c r="D56" s="1"/>
      <c r="E56" s="3"/>
      <c r="F56" s="4"/>
      <c r="G56" s="5"/>
      <c r="H56" s="6"/>
    </row>
    <row r="57" spans="1:8" ht="14.5" x14ac:dyDescent="0.35">
      <c r="A57" s="1"/>
      <c r="B57" s="2"/>
      <c r="C57" s="1"/>
      <c r="D57" s="1"/>
      <c r="E57" s="3"/>
      <c r="F57" s="4"/>
      <c r="G57" s="5"/>
      <c r="H57" s="6"/>
    </row>
    <row r="58" spans="1:8" ht="14.5" x14ac:dyDescent="0.35">
      <c r="A58" s="1"/>
      <c r="B58" s="2"/>
      <c r="C58" s="1"/>
      <c r="D58" s="1"/>
      <c r="E58" s="3"/>
      <c r="F58" s="4"/>
      <c r="G58" s="5"/>
      <c r="H58" s="6"/>
    </row>
    <row r="59" spans="1:8" ht="14.5" x14ac:dyDescent="0.35">
      <c r="A59" s="1"/>
      <c r="B59" s="2"/>
      <c r="C59" s="1"/>
      <c r="D59" s="1"/>
      <c r="E59" s="3"/>
      <c r="F59" s="4"/>
      <c r="G59" s="5"/>
      <c r="H59" s="6"/>
    </row>
    <row r="60" spans="1:8" ht="14.5" x14ac:dyDescent="0.35">
      <c r="A60" s="1"/>
      <c r="B60" s="2"/>
      <c r="C60" s="1"/>
      <c r="D60" s="1"/>
      <c r="E60" s="3"/>
      <c r="F60" s="4"/>
      <c r="G60" s="5"/>
      <c r="H60" s="6"/>
    </row>
    <row r="61" spans="1:8" ht="14.5" x14ac:dyDescent="0.35">
      <c r="A61" s="1"/>
      <c r="B61" s="2"/>
      <c r="C61" s="1"/>
      <c r="D61" s="1"/>
      <c r="E61" s="3"/>
      <c r="F61" s="4"/>
      <c r="G61" s="5"/>
      <c r="H61" s="6"/>
    </row>
    <row r="62" spans="1:8" ht="14.5" x14ac:dyDescent="0.35">
      <c r="A62" s="1"/>
      <c r="B62" s="2"/>
      <c r="C62" s="1"/>
      <c r="D62" s="1"/>
      <c r="E62" s="3"/>
      <c r="F62" s="4"/>
      <c r="G62" s="5"/>
      <c r="H62" s="6"/>
    </row>
    <row r="63" spans="1:8" ht="14.5" x14ac:dyDescent="0.35">
      <c r="A63" s="1"/>
      <c r="B63" s="2"/>
      <c r="C63" s="1"/>
      <c r="D63" s="1"/>
      <c r="E63" s="3"/>
      <c r="F63" s="4"/>
      <c r="G63" s="5"/>
      <c r="H63" s="6"/>
    </row>
    <row r="64" spans="1:8" ht="14.5" x14ac:dyDescent="0.35">
      <c r="A64" s="1"/>
      <c r="B64" s="2"/>
      <c r="C64" s="1"/>
      <c r="D64" s="1"/>
      <c r="E64" s="3"/>
      <c r="F64" s="4"/>
      <c r="G64" s="5"/>
      <c r="H64" s="6"/>
    </row>
    <row r="65" spans="1:8" ht="14.5" x14ac:dyDescent="0.35">
      <c r="A65" s="1"/>
      <c r="B65" s="2"/>
      <c r="C65" s="1"/>
      <c r="D65" s="1"/>
      <c r="E65" s="3"/>
      <c r="F65" s="4"/>
      <c r="G65" s="5"/>
      <c r="H65" s="6"/>
    </row>
    <row r="66" spans="1:8" ht="14.5" x14ac:dyDescent="0.35">
      <c r="A66" s="1"/>
      <c r="B66" s="2"/>
      <c r="C66" s="1"/>
      <c r="D66" s="1"/>
      <c r="E66" s="3"/>
      <c r="F66" s="4"/>
      <c r="G66" s="5"/>
      <c r="H66" s="6"/>
    </row>
    <row r="67" spans="1:8" ht="14.5" x14ac:dyDescent="0.35">
      <c r="A67" s="1"/>
      <c r="B67" s="2"/>
      <c r="C67" s="1"/>
      <c r="D67" s="1"/>
      <c r="E67" s="3"/>
      <c r="F67" s="4"/>
      <c r="G67" s="5"/>
      <c r="H67" s="6"/>
    </row>
    <row r="68" spans="1:8" ht="14.5" x14ac:dyDescent="0.35">
      <c r="A68" s="1"/>
      <c r="B68" s="2"/>
      <c r="C68" s="1"/>
      <c r="D68" s="1"/>
      <c r="E68" s="3"/>
      <c r="F68" s="4"/>
      <c r="G68" s="5"/>
      <c r="H68" s="6"/>
    </row>
    <row r="69" spans="1:8" ht="14.5" x14ac:dyDescent="0.35">
      <c r="A69" s="1"/>
      <c r="B69" s="2"/>
      <c r="C69" s="1"/>
      <c r="D69" s="1"/>
      <c r="E69" s="3"/>
      <c r="F69" s="4"/>
      <c r="G69" s="5"/>
      <c r="H69" s="6"/>
    </row>
    <row r="70" spans="1:8" ht="14.5" x14ac:dyDescent="0.35">
      <c r="A70" s="1"/>
      <c r="B70" s="1"/>
      <c r="C70" s="1"/>
      <c r="D70" s="1"/>
      <c r="E70" s="3"/>
      <c r="F70" s="4"/>
      <c r="G70" s="5"/>
      <c r="H70" s="6"/>
    </row>
    <row r="71" spans="1:8" ht="14.5" x14ac:dyDescent="0.35">
      <c r="A71" s="1"/>
      <c r="B71" s="2"/>
      <c r="C71" s="1"/>
      <c r="D71" s="1"/>
      <c r="E71" s="3"/>
      <c r="F71" s="4"/>
      <c r="G71" s="5"/>
      <c r="H71" s="6"/>
    </row>
    <row r="72" spans="1:8" ht="14.5" x14ac:dyDescent="0.35">
      <c r="A72" s="1"/>
      <c r="B72" s="2"/>
      <c r="C72" s="1"/>
      <c r="D72" s="1"/>
      <c r="E72" s="3"/>
      <c r="F72" s="4"/>
      <c r="G72" s="5"/>
      <c r="H72" s="6"/>
    </row>
    <row r="73" spans="1:8" ht="14.5" x14ac:dyDescent="0.35">
      <c r="A73" s="1"/>
      <c r="B73" s="2"/>
      <c r="C73" s="1"/>
      <c r="D73" s="1"/>
      <c r="E73" s="3"/>
      <c r="F73" s="4"/>
      <c r="G73" s="5"/>
      <c r="H73" s="6"/>
    </row>
    <row r="74" spans="1:8" ht="14.5" x14ac:dyDescent="0.35">
      <c r="A74" s="1"/>
      <c r="B74" s="2"/>
      <c r="C74" s="1"/>
      <c r="D74" s="1"/>
      <c r="E74" s="3"/>
      <c r="F74" s="4"/>
      <c r="G74" s="5"/>
      <c r="H74" s="6"/>
    </row>
    <row r="75" spans="1:8" ht="14.5" x14ac:dyDescent="0.35">
      <c r="A75" s="1"/>
      <c r="B75" s="2"/>
      <c r="C75" s="1"/>
      <c r="D75" s="1"/>
      <c r="E75" s="3"/>
      <c r="F75" s="4"/>
      <c r="G75" s="5"/>
      <c r="H75" s="6"/>
    </row>
    <row r="76" spans="1:8" ht="14.5" x14ac:dyDescent="0.35">
      <c r="A76" s="1"/>
      <c r="B76" s="2"/>
      <c r="C76" s="1"/>
      <c r="D76" s="1"/>
      <c r="E76" s="3"/>
      <c r="F76" s="4"/>
      <c r="G76" s="5"/>
      <c r="H76" s="6"/>
    </row>
    <row r="77" spans="1:8" ht="14.5" x14ac:dyDescent="0.35">
      <c r="A77" s="1"/>
      <c r="B77" s="1"/>
      <c r="C77" s="1"/>
      <c r="D77" s="1"/>
      <c r="E77" s="3"/>
      <c r="F77" s="4"/>
      <c r="G77" s="5"/>
      <c r="H77" s="6"/>
    </row>
    <row r="78" spans="1:8" ht="14.5" x14ac:dyDescent="0.35">
      <c r="A78" s="1"/>
      <c r="B78" s="1"/>
      <c r="C78" s="1"/>
      <c r="D78" s="1"/>
      <c r="E78" s="3"/>
      <c r="F78" s="4"/>
      <c r="G78" s="5"/>
      <c r="H78" s="6"/>
    </row>
    <row r="79" spans="1:8" ht="14.5" x14ac:dyDescent="0.35">
      <c r="A79" s="1"/>
      <c r="B79" s="1"/>
      <c r="C79" s="1"/>
      <c r="D79" s="1"/>
      <c r="E79" s="3"/>
      <c r="F79" s="4"/>
      <c r="G79" s="5"/>
      <c r="H79" s="6"/>
    </row>
    <row r="80" spans="1:8" ht="14.5" x14ac:dyDescent="0.35">
      <c r="A80" s="1"/>
      <c r="B80" s="1"/>
      <c r="C80" s="1"/>
      <c r="D80" s="1"/>
      <c r="E80" s="3"/>
      <c r="F80" s="4"/>
      <c r="G80" s="5"/>
      <c r="H80" s="6"/>
    </row>
    <row r="81" spans="1:8" ht="14.5" x14ac:dyDescent="0.35">
      <c r="A81" s="1"/>
      <c r="B81" s="1"/>
      <c r="C81" s="1"/>
      <c r="D81" s="1"/>
      <c r="E81" s="3"/>
      <c r="F81" s="4"/>
      <c r="G81" s="5"/>
      <c r="H81" s="6"/>
    </row>
    <row r="82" spans="1:8" ht="14.5" x14ac:dyDescent="0.35">
      <c r="A82" s="1"/>
      <c r="B82" s="2"/>
      <c r="C82" s="1"/>
      <c r="D82" s="1"/>
      <c r="E82" s="3"/>
      <c r="F82" s="4"/>
      <c r="G82" s="5"/>
      <c r="H82" s="6"/>
    </row>
    <row r="83" spans="1:8" ht="14.5" x14ac:dyDescent="0.35">
      <c r="A83" s="1"/>
      <c r="B83" s="2"/>
      <c r="C83" s="1"/>
      <c r="D83" s="1"/>
      <c r="E83" s="3"/>
      <c r="F83" s="4"/>
      <c r="G83" s="5"/>
      <c r="H83" s="6"/>
    </row>
    <row r="84" spans="1:8" ht="14.5" x14ac:dyDescent="0.35">
      <c r="A84" s="1"/>
      <c r="B84" s="2"/>
      <c r="C84" s="1"/>
      <c r="D84" s="1"/>
      <c r="E84" s="3"/>
      <c r="F84" s="4"/>
      <c r="G84" s="5"/>
      <c r="H84" s="6"/>
    </row>
    <row r="85" spans="1:8" ht="14.5" x14ac:dyDescent="0.35">
      <c r="A85" s="1"/>
      <c r="B85" s="2"/>
      <c r="C85" s="1"/>
      <c r="D85" s="1"/>
      <c r="E85" s="3"/>
      <c r="F85" s="4"/>
      <c r="G85" s="5"/>
      <c r="H85" s="6"/>
    </row>
    <row r="86" spans="1:8" ht="14.5" x14ac:dyDescent="0.35">
      <c r="A86" s="1"/>
      <c r="B86" s="2"/>
      <c r="C86" s="1"/>
      <c r="D86" s="1"/>
      <c r="E86" s="3"/>
      <c r="F86" s="4"/>
      <c r="G86" s="5"/>
      <c r="H86" s="6"/>
    </row>
    <row r="87" spans="1:8" ht="14.5" x14ac:dyDescent="0.35">
      <c r="A87" s="1"/>
      <c r="B87" s="2"/>
      <c r="C87" s="1"/>
      <c r="D87" s="1"/>
      <c r="E87" s="3"/>
      <c r="F87" s="4"/>
      <c r="G87" s="5"/>
      <c r="H87" s="6"/>
    </row>
    <row r="88" spans="1:8" ht="14.5" x14ac:dyDescent="0.35">
      <c r="A88" s="1"/>
      <c r="B88" s="2"/>
      <c r="C88" s="1"/>
      <c r="D88" s="1"/>
      <c r="E88" s="3"/>
      <c r="F88" s="4"/>
      <c r="G88" s="5"/>
      <c r="H88" s="6"/>
    </row>
    <row r="89" spans="1:8" ht="14.5" x14ac:dyDescent="0.35">
      <c r="A89" s="1"/>
      <c r="B89" s="2"/>
      <c r="C89" s="1"/>
      <c r="D89" s="1"/>
      <c r="E89" s="3"/>
      <c r="F89" s="4"/>
      <c r="G89" s="5"/>
      <c r="H89" s="6"/>
    </row>
    <row r="90" spans="1:8" ht="14.5" x14ac:dyDescent="0.35">
      <c r="A90" s="1"/>
      <c r="B90" s="2"/>
      <c r="C90" s="1"/>
      <c r="D90" s="1"/>
      <c r="E90" s="3"/>
      <c r="F90" s="4"/>
      <c r="G90" s="5"/>
      <c r="H90" s="6"/>
    </row>
    <row r="91" spans="1:8" ht="14.5" x14ac:dyDescent="0.35">
      <c r="A91" s="1"/>
      <c r="B91" s="2"/>
      <c r="C91" s="1"/>
      <c r="D91" s="1"/>
      <c r="E91" s="3"/>
      <c r="F91" s="4"/>
      <c r="G91" s="5"/>
      <c r="H91" s="6"/>
    </row>
    <row r="92" spans="1:8" ht="14.5" x14ac:dyDescent="0.35">
      <c r="A92" s="1"/>
      <c r="B92" s="2"/>
      <c r="C92" s="1"/>
      <c r="D92" s="1"/>
      <c r="E92" s="3"/>
      <c r="F92" s="4"/>
      <c r="G92" s="5"/>
      <c r="H92" s="6"/>
    </row>
    <row r="93" spans="1:8" ht="14.5" x14ac:dyDescent="0.35">
      <c r="A93" s="1"/>
      <c r="B93" s="7"/>
      <c r="C93" s="1"/>
      <c r="D93" s="1"/>
      <c r="E93" s="3"/>
      <c r="F93" s="4"/>
      <c r="G93" s="5"/>
      <c r="H93" s="6"/>
    </row>
    <row r="94" spans="1:8" ht="14.5" x14ac:dyDescent="0.35">
      <c r="A94" s="1"/>
      <c r="B94" s="7"/>
      <c r="C94" s="1"/>
      <c r="D94" s="1"/>
      <c r="E94" s="3"/>
      <c r="F94" s="4"/>
      <c r="G94" s="5"/>
      <c r="H94" s="6"/>
    </row>
    <row r="95" spans="1:8" ht="14.5" x14ac:dyDescent="0.35">
      <c r="A95" s="1"/>
      <c r="B95" s="7"/>
      <c r="C95" s="1"/>
      <c r="D95" s="1"/>
      <c r="E95" s="3"/>
      <c r="F95" s="4"/>
      <c r="G95" s="5"/>
      <c r="H95" s="6"/>
    </row>
    <row r="96" spans="1:8" ht="14.5" x14ac:dyDescent="0.35">
      <c r="A96" s="1"/>
      <c r="B96" s="7"/>
      <c r="C96" s="1"/>
      <c r="D96" s="1"/>
      <c r="E96" s="3"/>
      <c r="F96" s="4"/>
      <c r="G96" s="5"/>
      <c r="H96" s="6"/>
    </row>
    <row r="97" spans="1:8" ht="14.5" x14ac:dyDescent="0.35">
      <c r="A97" s="1"/>
      <c r="B97" s="7"/>
      <c r="C97" s="1"/>
      <c r="D97" s="1"/>
      <c r="E97" s="3"/>
      <c r="F97" s="4"/>
      <c r="G97" s="5"/>
      <c r="H97" s="6"/>
    </row>
    <row r="98" spans="1:8" ht="14.5" x14ac:dyDescent="0.35">
      <c r="A98" s="1"/>
      <c r="B98" s="7"/>
      <c r="C98" s="1"/>
      <c r="D98" s="1"/>
      <c r="E98" s="3"/>
      <c r="F98" s="4"/>
      <c r="G98" s="5"/>
      <c r="H98" s="6"/>
    </row>
    <row r="99" spans="1:8" ht="14.5" x14ac:dyDescent="0.35">
      <c r="A99" s="1"/>
      <c r="B99" s="7"/>
      <c r="C99" s="1"/>
      <c r="D99" s="1"/>
      <c r="E99" s="3"/>
      <c r="F99" s="4"/>
      <c r="G99" s="5"/>
      <c r="H99" s="6"/>
    </row>
    <row r="100" spans="1:8" ht="14.5" x14ac:dyDescent="0.35">
      <c r="A100" s="1"/>
      <c r="B100" s="7"/>
      <c r="C100" s="1"/>
      <c r="D100" s="1"/>
      <c r="E100" s="3"/>
      <c r="F100" s="4"/>
      <c r="G100" s="5"/>
      <c r="H100" s="6"/>
    </row>
    <row r="101" spans="1:8" ht="14.5" x14ac:dyDescent="0.35">
      <c r="A101" s="1"/>
      <c r="B101" s="7"/>
      <c r="C101" s="1"/>
      <c r="D101" s="1"/>
      <c r="E101" s="3"/>
      <c r="F101" s="4"/>
      <c r="G101" s="5"/>
      <c r="H101" s="6"/>
    </row>
    <row r="102" spans="1:8" ht="14.5" x14ac:dyDescent="0.35">
      <c r="A102" s="1"/>
      <c r="B102" s="7"/>
      <c r="C102" s="1"/>
      <c r="D102" s="1"/>
      <c r="E102" s="3"/>
      <c r="F102" s="4"/>
      <c r="G102" s="5"/>
      <c r="H102" s="6"/>
    </row>
    <row r="103" spans="1:8" ht="14.5" x14ac:dyDescent="0.35">
      <c r="A103" s="1"/>
      <c r="B103" s="7"/>
      <c r="C103" s="1"/>
      <c r="D103" s="1"/>
      <c r="E103" s="3"/>
      <c r="F103" s="4"/>
      <c r="G103" s="5"/>
      <c r="H103" s="6"/>
    </row>
    <row r="104" spans="1:8" ht="14.5" x14ac:dyDescent="0.35">
      <c r="A104" s="1"/>
      <c r="B104" s="7"/>
      <c r="C104" s="1"/>
      <c r="D104" s="1"/>
      <c r="E104" s="3"/>
      <c r="F104" s="4"/>
      <c r="G104" s="5"/>
      <c r="H104" s="6"/>
    </row>
    <row r="105" spans="1:8" ht="14.5" x14ac:dyDescent="0.35">
      <c r="A105" s="1"/>
      <c r="B105" s="7"/>
      <c r="C105" s="1"/>
      <c r="D105" s="1"/>
      <c r="E105" s="3"/>
      <c r="F105" s="4"/>
      <c r="G105" s="5"/>
      <c r="H105" s="6"/>
    </row>
    <row r="106" spans="1:8" ht="14.5" x14ac:dyDescent="0.35">
      <c r="A106" s="1"/>
      <c r="B106" s="7"/>
      <c r="C106" s="1"/>
      <c r="D106" s="1"/>
      <c r="E106" s="3"/>
      <c r="F106" s="4"/>
      <c r="G106" s="5"/>
      <c r="H106" s="6"/>
    </row>
    <row r="107" spans="1:8" ht="14.5" x14ac:dyDescent="0.35">
      <c r="A107" s="1"/>
      <c r="B107" s="2"/>
      <c r="C107" s="1"/>
      <c r="D107" s="1"/>
      <c r="E107" s="3"/>
      <c r="F107" s="4"/>
      <c r="G107" s="5"/>
      <c r="H107" s="6"/>
    </row>
    <row r="108" spans="1:8" ht="14.5" x14ac:dyDescent="0.35">
      <c r="A108" s="1"/>
      <c r="B108" s="2"/>
      <c r="C108" s="1"/>
      <c r="D108" s="1"/>
      <c r="E108" s="3"/>
      <c r="F108" s="4"/>
      <c r="G108" s="5"/>
      <c r="H108" s="6"/>
    </row>
    <row r="109" spans="1:8" ht="14.5" x14ac:dyDescent="0.35">
      <c r="A109" s="1"/>
      <c r="B109" s="1"/>
      <c r="C109" s="1"/>
      <c r="D109" s="1"/>
      <c r="E109" s="3"/>
      <c r="F109" s="4"/>
      <c r="G109" s="5"/>
      <c r="H109" s="6"/>
    </row>
    <row r="110" spans="1:8" ht="14.5" x14ac:dyDescent="0.35">
      <c r="A110" s="1"/>
      <c r="B110" s="1"/>
      <c r="C110" s="1"/>
      <c r="D110" s="1"/>
      <c r="E110" s="3"/>
      <c r="F110" s="4"/>
      <c r="G110" s="5"/>
      <c r="H110" s="6"/>
    </row>
    <row r="111" spans="1:8" ht="14.5" x14ac:dyDescent="0.35">
      <c r="A111" s="1"/>
      <c r="B111" s="1"/>
      <c r="C111" s="1"/>
      <c r="D111" s="1"/>
      <c r="E111" s="3"/>
      <c r="F111" s="4"/>
      <c r="G111" s="5"/>
      <c r="H111" s="6"/>
    </row>
    <row r="112" spans="1:8" ht="14.5" x14ac:dyDescent="0.35">
      <c r="A112" s="1"/>
      <c r="B112" s="1"/>
      <c r="C112" s="1"/>
      <c r="D112" s="1"/>
      <c r="E112" s="3"/>
      <c r="F112" s="4"/>
      <c r="G112" s="5"/>
      <c r="H112" s="6"/>
    </row>
    <row r="113" spans="1:8" ht="14.5" x14ac:dyDescent="0.35">
      <c r="A113" s="1"/>
      <c r="B113" s="1"/>
      <c r="C113" s="1"/>
      <c r="D113" s="1"/>
      <c r="E113" s="3"/>
      <c r="F113" s="4"/>
      <c r="G113" s="5"/>
      <c r="H113" s="6"/>
    </row>
    <row r="114" spans="1:8" ht="14.5" x14ac:dyDescent="0.35">
      <c r="A114" s="1"/>
      <c r="B114" s="1"/>
      <c r="C114" s="1"/>
      <c r="D114" s="1"/>
      <c r="E114" s="3"/>
      <c r="F114" s="4"/>
      <c r="G114" s="5"/>
      <c r="H114" s="6"/>
    </row>
    <row r="115" spans="1:8" ht="14.5" x14ac:dyDescent="0.35">
      <c r="A115" s="1"/>
      <c r="B115" s="2"/>
      <c r="C115" s="1"/>
      <c r="D115" s="1"/>
      <c r="E115" s="3"/>
      <c r="F115" s="4"/>
      <c r="G115" s="5"/>
      <c r="H115" s="6"/>
    </row>
    <row r="116" spans="1:8" ht="14.5" x14ac:dyDescent="0.35">
      <c r="A116" s="1"/>
      <c r="B116" s="2"/>
      <c r="C116" s="1"/>
      <c r="D116" s="1"/>
      <c r="E116" s="3"/>
      <c r="F116" s="4"/>
      <c r="G116" s="5"/>
      <c r="H116" s="6"/>
    </row>
    <row r="117" spans="1:8" ht="14.5" x14ac:dyDescent="0.35">
      <c r="A117" s="1"/>
      <c r="B117" s="2"/>
      <c r="C117" s="1"/>
      <c r="D117" s="1"/>
      <c r="E117" s="3"/>
      <c r="F117" s="4"/>
      <c r="G117" s="5"/>
      <c r="H117" s="6"/>
    </row>
    <row r="118" spans="1:8" ht="14.5" x14ac:dyDescent="0.35">
      <c r="A118" s="1"/>
      <c r="B118" s="2"/>
      <c r="C118" s="1"/>
      <c r="D118" s="1"/>
      <c r="E118" s="3"/>
      <c r="F118" s="4"/>
      <c r="G118" s="5"/>
      <c r="H118" s="6"/>
    </row>
    <row r="119" spans="1:8" ht="14.5" x14ac:dyDescent="0.35">
      <c r="A119" s="1"/>
      <c r="B119" s="2"/>
      <c r="C119" s="1"/>
      <c r="D119" s="1"/>
      <c r="E119" s="3"/>
      <c r="F119" s="4"/>
      <c r="G119" s="5"/>
      <c r="H119" s="6"/>
    </row>
    <row r="120" spans="1:8" ht="14.5" x14ac:dyDescent="0.35">
      <c r="A120" s="1"/>
      <c r="B120" s="2"/>
      <c r="C120" s="1"/>
      <c r="D120" s="1"/>
      <c r="E120" s="3"/>
      <c r="F120" s="4"/>
      <c r="G120" s="5"/>
      <c r="H120" s="6"/>
    </row>
    <row r="121" spans="1:8" ht="14.5" x14ac:dyDescent="0.35">
      <c r="A121" s="1"/>
      <c r="B121" s="2"/>
      <c r="C121" s="1"/>
      <c r="D121" s="1"/>
      <c r="E121" s="3"/>
      <c r="F121" s="4"/>
      <c r="G121" s="5"/>
      <c r="H121" s="6"/>
    </row>
    <row r="122" spans="1:8" ht="14.5" x14ac:dyDescent="0.35">
      <c r="A122" s="1"/>
      <c r="B122" s="2"/>
      <c r="C122" s="1"/>
      <c r="D122" s="1"/>
      <c r="E122" s="3"/>
      <c r="F122" s="4"/>
      <c r="G122" s="5"/>
      <c r="H122" s="6"/>
    </row>
    <row r="123" spans="1:8" ht="14.5" x14ac:dyDescent="0.35">
      <c r="A123" s="1"/>
      <c r="B123" s="2"/>
      <c r="C123" s="1"/>
      <c r="D123" s="1"/>
      <c r="E123" s="3"/>
      <c r="F123" s="4"/>
      <c r="G123" s="5"/>
      <c r="H123" s="6"/>
    </row>
    <row r="124" spans="1:8" ht="14.5" x14ac:dyDescent="0.35">
      <c r="A124" s="1"/>
      <c r="B124" s="2"/>
      <c r="C124" s="1"/>
      <c r="D124" s="1"/>
      <c r="E124" s="3"/>
      <c r="F124" s="4"/>
      <c r="G124" s="5"/>
      <c r="H124" s="6"/>
    </row>
    <row r="125" spans="1:8" ht="14.5" x14ac:dyDescent="0.35">
      <c r="A125" s="1"/>
      <c r="B125" s="2"/>
      <c r="C125" s="1"/>
      <c r="D125" s="1"/>
      <c r="E125" s="3"/>
      <c r="F125" s="4"/>
      <c r="G125" s="5"/>
      <c r="H125" s="6"/>
    </row>
    <row r="126" spans="1:8" ht="14.5" x14ac:dyDescent="0.35">
      <c r="A126" s="1"/>
      <c r="B126" s="2"/>
      <c r="C126" s="1"/>
      <c r="D126" s="1"/>
      <c r="E126" s="3"/>
      <c r="F126" s="4"/>
      <c r="G126" s="5"/>
      <c r="H126" s="6"/>
    </row>
    <row r="127" spans="1:8" ht="14.5" x14ac:dyDescent="0.35">
      <c r="A127" s="1"/>
      <c r="B127" s="2"/>
      <c r="C127" s="1"/>
      <c r="D127" s="1"/>
      <c r="E127" s="3"/>
      <c r="F127" s="4"/>
      <c r="G127" s="5"/>
      <c r="H127" s="6"/>
    </row>
    <row r="128" spans="1:8" ht="14.5" x14ac:dyDescent="0.35">
      <c r="A128" s="1"/>
      <c r="B128" s="2"/>
      <c r="C128" s="1"/>
      <c r="D128" s="1"/>
      <c r="E128" s="3"/>
      <c r="F128" s="4"/>
      <c r="G128" s="5"/>
      <c r="H128" s="6"/>
    </row>
    <row r="129" spans="1:8" ht="14.5" x14ac:dyDescent="0.35">
      <c r="A129" s="1"/>
      <c r="B129" s="2"/>
      <c r="C129" s="1"/>
      <c r="D129" s="1"/>
      <c r="E129" s="3"/>
      <c r="F129" s="4"/>
      <c r="G129" s="5"/>
      <c r="H129" s="6"/>
    </row>
    <row r="130" spans="1:8" ht="14.5" x14ac:dyDescent="0.35">
      <c r="A130" s="1"/>
      <c r="B130" s="2"/>
      <c r="C130" s="1"/>
      <c r="D130" s="1"/>
      <c r="E130" s="3"/>
      <c r="F130" s="4"/>
      <c r="G130" s="5"/>
      <c r="H130" s="6"/>
    </row>
    <row r="131" spans="1:8" ht="14.5" x14ac:dyDescent="0.35">
      <c r="A131" s="1"/>
      <c r="B131" s="2"/>
      <c r="C131" s="1"/>
      <c r="D131" s="1"/>
      <c r="E131" s="3"/>
      <c r="F131" s="4"/>
      <c r="G131" s="5"/>
      <c r="H131" s="6"/>
    </row>
    <row r="132" spans="1:8" ht="14.5" x14ac:dyDescent="0.35">
      <c r="A132" s="1"/>
      <c r="B132" s="2"/>
      <c r="C132" s="1"/>
      <c r="D132" s="1"/>
      <c r="E132" s="3"/>
      <c r="F132" s="4"/>
      <c r="G132" s="5"/>
      <c r="H132" s="6"/>
    </row>
    <row r="133" spans="1:8" ht="14.5" x14ac:dyDescent="0.35">
      <c r="A133" s="1"/>
      <c r="B133" s="2"/>
      <c r="C133" s="1"/>
      <c r="D133" s="1"/>
      <c r="E133" s="3"/>
      <c r="F133" s="4"/>
      <c r="G133" s="5"/>
      <c r="H133" s="6"/>
    </row>
    <row r="134" spans="1:8" ht="14.5" x14ac:dyDescent="0.35">
      <c r="A134" s="1"/>
      <c r="B134" s="2"/>
      <c r="C134" s="1"/>
      <c r="D134" s="1"/>
      <c r="E134" s="3"/>
      <c r="F134" s="4"/>
      <c r="G134" s="5"/>
      <c r="H134" s="6"/>
    </row>
    <row r="135" spans="1:8" ht="14.5" x14ac:dyDescent="0.35">
      <c r="A135" s="1"/>
      <c r="B135" s="2"/>
      <c r="C135" s="1"/>
      <c r="D135" s="1"/>
      <c r="E135" s="3"/>
      <c r="F135" s="4"/>
      <c r="G135" s="5"/>
      <c r="H135" s="6"/>
    </row>
    <row r="136" spans="1:8" ht="14.5" x14ac:dyDescent="0.35">
      <c r="A136" s="1"/>
      <c r="B136" s="2"/>
      <c r="C136" s="1"/>
      <c r="D136" s="1"/>
      <c r="E136" s="3"/>
      <c r="F136" s="4"/>
      <c r="G136" s="5"/>
      <c r="H136" s="6"/>
    </row>
    <row r="137" spans="1:8" ht="14.5" x14ac:dyDescent="0.35">
      <c r="A137" s="1"/>
      <c r="B137" s="2"/>
      <c r="C137" s="1"/>
      <c r="D137" s="1"/>
      <c r="E137" s="3"/>
      <c r="F137" s="4"/>
      <c r="G137" s="5"/>
      <c r="H137" s="6"/>
    </row>
    <row r="138" spans="1:8" ht="14.5" x14ac:dyDescent="0.35">
      <c r="A138" s="1"/>
      <c r="B138" s="2"/>
      <c r="C138" s="1"/>
      <c r="D138" s="1"/>
      <c r="E138" s="3"/>
      <c r="F138" s="4"/>
      <c r="G138" s="5"/>
      <c r="H138" s="6"/>
    </row>
    <row r="139" spans="1:8" ht="14.5" x14ac:dyDescent="0.35">
      <c r="A139" s="1"/>
      <c r="B139" s="2"/>
      <c r="C139" s="1"/>
      <c r="D139" s="1"/>
      <c r="E139" s="3"/>
      <c r="F139" s="4"/>
      <c r="G139" s="5"/>
      <c r="H139" s="6"/>
    </row>
    <row r="140" spans="1:8" ht="14.5" x14ac:dyDescent="0.35">
      <c r="A140" s="1"/>
      <c r="B140" s="2"/>
      <c r="C140" s="1"/>
      <c r="D140" s="1"/>
      <c r="E140" s="3"/>
      <c r="F140" s="4"/>
      <c r="G140" s="5"/>
      <c r="H140" s="6"/>
    </row>
    <row r="141" spans="1:8" ht="14.5" x14ac:dyDescent="0.35">
      <c r="A141" s="1"/>
      <c r="B141" s="2"/>
      <c r="C141" s="1"/>
      <c r="D141" s="1"/>
      <c r="E141" s="3"/>
      <c r="F141" s="4"/>
      <c r="G141" s="5"/>
      <c r="H141" s="6"/>
    </row>
    <row r="142" spans="1:8" ht="14.5" x14ac:dyDescent="0.35">
      <c r="A142" s="1"/>
      <c r="B142" s="2"/>
      <c r="C142" s="1"/>
      <c r="D142" s="1"/>
      <c r="E142" s="3"/>
      <c r="F142" s="4"/>
      <c r="G142" s="5"/>
      <c r="H142" s="6"/>
    </row>
    <row r="143" spans="1:8" ht="14.5" x14ac:dyDescent="0.35">
      <c r="A143" s="1"/>
      <c r="B143" s="2"/>
      <c r="C143" s="1"/>
      <c r="D143" s="1"/>
      <c r="E143" s="3"/>
      <c r="F143" s="4"/>
      <c r="G143" s="5"/>
      <c r="H143" s="6"/>
    </row>
    <row r="144" spans="1:8" ht="14.5" x14ac:dyDescent="0.35">
      <c r="A144" s="1"/>
      <c r="B144" s="2"/>
      <c r="C144" s="1"/>
      <c r="D144" s="1"/>
      <c r="E144" s="3"/>
      <c r="F144" s="4"/>
      <c r="G144" s="5"/>
      <c r="H144" s="6"/>
    </row>
    <row r="145" spans="1:8" ht="14.5" x14ac:dyDescent="0.35">
      <c r="A145" s="1"/>
      <c r="B145" s="2"/>
      <c r="C145" s="1"/>
      <c r="D145" s="1"/>
      <c r="E145" s="3"/>
      <c r="F145" s="4"/>
      <c r="G145" s="5"/>
      <c r="H145" s="6"/>
    </row>
    <row r="146" spans="1:8" ht="14.5" x14ac:dyDescent="0.35">
      <c r="A146" s="1"/>
      <c r="B146" s="2"/>
      <c r="C146" s="1"/>
      <c r="D146" s="1"/>
      <c r="E146" s="3"/>
      <c r="F146" s="4"/>
      <c r="G146" s="5"/>
      <c r="H146" s="6"/>
    </row>
    <row r="147" spans="1:8" ht="14.5" x14ac:dyDescent="0.35">
      <c r="A147" s="1"/>
      <c r="B147" s="2"/>
      <c r="C147" s="1"/>
      <c r="D147" s="1"/>
      <c r="E147" s="3"/>
      <c r="F147" s="4"/>
      <c r="G147" s="5"/>
      <c r="H147" s="6"/>
    </row>
    <row r="148" spans="1:8" ht="14.5" x14ac:dyDescent="0.35">
      <c r="A148" s="1"/>
      <c r="B148" s="2"/>
      <c r="C148" s="1"/>
      <c r="D148" s="1"/>
      <c r="E148" s="3"/>
      <c r="F148" s="4"/>
      <c r="G148" s="5"/>
      <c r="H148" s="6"/>
    </row>
    <row r="149" spans="1:8" ht="14.5" x14ac:dyDescent="0.35">
      <c r="A149" s="1"/>
      <c r="B149" s="2"/>
      <c r="C149" s="1"/>
      <c r="D149" s="1"/>
      <c r="E149" s="3"/>
      <c r="F149" s="4"/>
      <c r="G149" s="5"/>
      <c r="H149" s="6"/>
    </row>
    <row r="150" spans="1:8" ht="14.5" x14ac:dyDescent="0.35">
      <c r="A150" s="1"/>
      <c r="B150" s="2"/>
      <c r="C150" s="1"/>
      <c r="D150" s="1"/>
      <c r="E150" s="3"/>
      <c r="F150" s="4"/>
      <c r="G150" s="5"/>
      <c r="H150" s="6"/>
    </row>
    <row r="151" spans="1:8" ht="14.5" x14ac:dyDescent="0.35">
      <c r="A151" s="1"/>
      <c r="B151" s="2"/>
      <c r="C151" s="1"/>
      <c r="D151" s="1"/>
      <c r="E151" s="3"/>
      <c r="F151" s="4"/>
      <c r="G151" s="5"/>
      <c r="H151" s="6"/>
    </row>
    <row r="152" spans="1:8" ht="14.5" x14ac:dyDescent="0.35">
      <c r="A152" s="1"/>
      <c r="B152" s="2"/>
      <c r="C152" s="1"/>
      <c r="D152" s="1"/>
      <c r="E152" s="3"/>
      <c r="F152" s="4"/>
      <c r="G152" s="5"/>
      <c r="H152" s="6"/>
    </row>
    <row r="153" spans="1:8" ht="14.5" x14ac:dyDescent="0.35">
      <c r="A153" s="1"/>
      <c r="B153" s="2"/>
      <c r="C153" s="1"/>
      <c r="D153" s="1"/>
      <c r="E153" s="3"/>
      <c r="F153" s="4"/>
      <c r="G153" s="5"/>
      <c r="H153" s="6"/>
    </row>
    <row r="154" spans="1:8" ht="14.5" x14ac:dyDescent="0.35">
      <c r="A154" s="1"/>
      <c r="B154" s="2"/>
      <c r="C154" s="1"/>
      <c r="D154" s="1"/>
      <c r="E154" s="3"/>
      <c r="F154" s="4"/>
      <c r="G154" s="5"/>
      <c r="H154" s="6"/>
    </row>
    <row r="155" spans="1:8" ht="14.5" x14ac:dyDescent="0.35">
      <c r="A155" s="1"/>
      <c r="B155" s="2"/>
      <c r="C155" s="1"/>
      <c r="D155" s="1"/>
      <c r="E155" s="3"/>
      <c r="F155" s="4"/>
      <c r="G155" s="5"/>
      <c r="H155" s="6"/>
    </row>
    <row r="156" spans="1:8" ht="14.5" x14ac:dyDescent="0.35">
      <c r="A156" s="1"/>
      <c r="B156" s="2"/>
      <c r="C156" s="1"/>
      <c r="D156" s="1"/>
      <c r="E156" s="3"/>
      <c r="F156" s="4"/>
      <c r="G156" s="5"/>
      <c r="H156" s="6"/>
    </row>
    <row r="157" spans="1:8" ht="14.5" x14ac:dyDescent="0.35">
      <c r="A157" s="1"/>
      <c r="B157" s="2"/>
      <c r="C157" s="1"/>
      <c r="D157" s="1"/>
      <c r="E157" s="3"/>
      <c r="F157" s="4"/>
      <c r="G157" s="5"/>
      <c r="H157" s="6"/>
    </row>
    <row r="158" spans="1:8" ht="14.5" x14ac:dyDescent="0.35">
      <c r="A158" s="1"/>
      <c r="B158" s="2"/>
      <c r="C158" s="1"/>
      <c r="D158" s="1"/>
      <c r="E158" s="3"/>
      <c r="F158" s="4"/>
      <c r="G158" s="5"/>
      <c r="H158" s="6"/>
    </row>
    <row r="159" spans="1:8" ht="14.5" x14ac:dyDescent="0.35">
      <c r="A159" s="1"/>
      <c r="B159" s="2"/>
      <c r="C159" s="1"/>
      <c r="D159" s="1"/>
      <c r="E159" s="3"/>
      <c r="F159" s="4"/>
      <c r="G159" s="5"/>
      <c r="H159" s="6"/>
    </row>
    <row r="160" spans="1:8" ht="14.5" x14ac:dyDescent="0.35">
      <c r="A160" s="1"/>
      <c r="B160" s="2"/>
      <c r="C160" s="1"/>
      <c r="D160" s="1"/>
      <c r="E160" s="3"/>
      <c r="F160" s="4"/>
      <c r="G160" s="5"/>
      <c r="H160" s="6"/>
    </row>
    <row r="161" spans="1:8" ht="14.5" x14ac:dyDescent="0.35">
      <c r="A161" s="1"/>
      <c r="B161" s="2"/>
      <c r="C161" s="1"/>
      <c r="D161" s="1"/>
      <c r="E161" s="3"/>
      <c r="F161" s="4"/>
      <c r="G161" s="5"/>
      <c r="H161" s="6"/>
    </row>
    <row r="162" spans="1:8" ht="14.5" x14ac:dyDescent="0.35">
      <c r="A162" s="1"/>
      <c r="B162" s="2"/>
      <c r="C162" s="1"/>
      <c r="D162" s="1"/>
      <c r="E162" s="3"/>
      <c r="F162" s="4"/>
      <c r="G162" s="5"/>
      <c r="H162" s="6"/>
    </row>
    <row r="163" spans="1:8" ht="14.5" x14ac:dyDescent="0.35">
      <c r="A163" s="1"/>
      <c r="B163" s="2"/>
      <c r="C163" s="1"/>
      <c r="D163" s="1"/>
      <c r="E163" s="3"/>
      <c r="F163" s="4"/>
      <c r="G163" s="5"/>
      <c r="H163" s="6"/>
    </row>
    <row r="164" spans="1:8" ht="14.5" x14ac:dyDescent="0.35">
      <c r="A164" s="1"/>
      <c r="B164" s="2"/>
      <c r="C164" s="1"/>
      <c r="D164" s="1"/>
      <c r="E164" s="3"/>
      <c r="F164" s="4"/>
      <c r="G164" s="5"/>
      <c r="H164" s="6"/>
    </row>
    <row r="165" spans="1:8" ht="14.5" x14ac:dyDescent="0.35">
      <c r="A165" s="1"/>
      <c r="B165" s="2"/>
      <c r="C165" s="1"/>
      <c r="D165" s="1"/>
      <c r="E165" s="3"/>
      <c r="F165" s="4"/>
      <c r="G165" s="5"/>
      <c r="H165" s="6"/>
    </row>
    <row r="166" spans="1:8" ht="14.5" x14ac:dyDescent="0.35">
      <c r="A166" s="1"/>
      <c r="B166" s="2"/>
      <c r="C166" s="1"/>
      <c r="D166" s="1"/>
      <c r="E166" s="3"/>
      <c r="F166" s="4"/>
      <c r="G166" s="5"/>
      <c r="H166" s="6"/>
    </row>
    <row r="167" spans="1:8" ht="14.5" x14ac:dyDescent="0.35">
      <c r="A167" s="1"/>
      <c r="B167" s="2"/>
      <c r="C167" s="1"/>
      <c r="D167" s="1"/>
      <c r="E167" s="3"/>
      <c r="F167" s="4"/>
      <c r="G167" s="5"/>
      <c r="H167" s="6"/>
    </row>
    <row r="168" spans="1:8" ht="14.5" x14ac:dyDescent="0.35">
      <c r="A168" s="1"/>
      <c r="B168" s="2"/>
      <c r="C168" s="1"/>
      <c r="D168" s="1"/>
      <c r="E168" s="3"/>
      <c r="F168" s="4"/>
      <c r="G168" s="5"/>
      <c r="H168" s="6"/>
    </row>
    <row r="169" spans="1:8" ht="14.5" x14ac:dyDescent="0.35">
      <c r="A169" s="1"/>
      <c r="B169" s="2"/>
      <c r="C169" s="1"/>
      <c r="D169" s="1"/>
      <c r="E169" s="3"/>
      <c r="F169" s="4"/>
      <c r="G169" s="5"/>
      <c r="H169" s="6"/>
    </row>
    <row r="170" spans="1:8" ht="14.5" x14ac:dyDescent="0.35">
      <c r="A170" s="1"/>
      <c r="B170" s="2"/>
      <c r="C170" s="1"/>
      <c r="D170" s="1"/>
      <c r="E170" s="3"/>
      <c r="F170" s="4"/>
      <c r="G170" s="5"/>
      <c r="H170" s="6"/>
    </row>
    <row r="171" spans="1:8" ht="14.5" x14ac:dyDescent="0.35">
      <c r="A171" s="1"/>
      <c r="B171" s="2"/>
      <c r="C171" s="1"/>
      <c r="D171" s="1"/>
      <c r="E171" s="3"/>
      <c r="F171" s="4"/>
      <c r="G171" s="5"/>
      <c r="H171" s="6"/>
    </row>
    <row r="172" spans="1:8" ht="14.5" x14ac:dyDescent="0.35">
      <c r="A172" s="1"/>
      <c r="B172" s="2"/>
      <c r="C172" s="1"/>
      <c r="D172" s="1"/>
      <c r="E172" s="3"/>
      <c r="F172" s="4"/>
      <c r="G172" s="5"/>
      <c r="H172" s="6"/>
    </row>
    <row r="173" spans="1:8" ht="14.5" x14ac:dyDescent="0.35">
      <c r="A173" s="1"/>
      <c r="B173" s="2"/>
      <c r="C173" s="1"/>
      <c r="D173" s="1"/>
      <c r="E173" s="3"/>
      <c r="F173" s="4"/>
      <c r="G173" s="5"/>
      <c r="H173" s="6"/>
    </row>
    <row r="174" spans="1:8" ht="14.5" x14ac:dyDescent="0.35">
      <c r="A174" s="1"/>
      <c r="B174" s="2"/>
      <c r="C174" s="1"/>
      <c r="D174" s="1"/>
      <c r="E174" s="3"/>
      <c r="F174" s="4"/>
      <c r="G174" s="5"/>
      <c r="H174" s="6"/>
    </row>
    <row r="175" spans="1:8" ht="14.5" x14ac:dyDescent="0.35">
      <c r="A175" s="1"/>
      <c r="B175" s="2"/>
      <c r="C175" s="1"/>
      <c r="D175" s="1"/>
      <c r="E175" s="3"/>
      <c r="F175" s="4"/>
      <c r="G175" s="5"/>
      <c r="H175" s="6"/>
    </row>
    <row r="176" spans="1:8" ht="14.5" x14ac:dyDescent="0.35">
      <c r="A176" s="1"/>
      <c r="B176" s="2"/>
      <c r="C176" s="1"/>
      <c r="D176" s="1"/>
      <c r="E176" s="3"/>
      <c r="F176" s="4"/>
      <c r="G176" s="5"/>
      <c r="H176" s="6"/>
    </row>
    <row r="177" spans="1:8" ht="14.5" x14ac:dyDescent="0.35">
      <c r="A177" s="1"/>
      <c r="B177" s="2"/>
      <c r="C177" s="1"/>
      <c r="D177" s="1"/>
      <c r="E177" s="3"/>
      <c r="F177" s="4"/>
      <c r="G177" s="5"/>
      <c r="H177" s="6"/>
    </row>
    <row r="178" spans="1:8" ht="14.5" x14ac:dyDescent="0.35">
      <c r="A178" s="1"/>
      <c r="B178" s="2"/>
      <c r="C178" s="1"/>
      <c r="D178" s="1"/>
      <c r="E178" s="3"/>
      <c r="F178" s="4"/>
      <c r="G178" s="5"/>
      <c r="H178" s="6"/>
    </row>
    <row r="179" spans="1:8" ht="14.5" x14ac:dyDescent="0.35">
      <c r="A179" s="1"/>
      <c r="B179" s="2"/>
      <c r="C179" s="1"/>
      <c r="D179" s="1"/>
      <c r="E179" s="3"/>
      <c r="F179" s="4"/>
      <c r="G179" s="5"/>
      <c r="H179" s="6"/>
    </row>
  </sheetData>
  <sheetProtection algorithmName="SHA-512" hashValue="yc7OD65lPd+MaZhoqWiKNOw+qP8luEYt+zE4qk6ITGVR47zJvCZ+skenl468znsHzbBbhF+Xarr5Y7P98NFViw==" saltValue="sJFcwXJQydWLf1+0r4DTdA==" spinCount="100000" sheet="1" sort="0" autoFilter="0"/>
  <mergeCells count="7">
    <mergeCell ref="A1:H12"/>
    <mergeCell ref="A15:G15"/>
    <mergeCell ref="K9:N11"/>
    <mergeCell ref="K1:K7"/>
    <mergeCell ref="L1:L7"/>
    <mergeCell ref="M1:M7"/>
    <mergeCell ref="N1:N7"/>
  </mergeCells>
  <conditionalFormatting sqref="B18:B23">
    <cfRule type="duplicateValues" dxfId="10" priority="11"/>
  </conditionalFormatting>
  <conditionalFormatting sqref="B24:B28">
    <cfRule type="duplicateValues" dxfId="9" priority="10"/>
  </conditionalFormatting>
  <conditionalFormatting sqref="B29:B33">
    <cfRule type="duplicateValues" dxfId="8" priority="1"/>
  </conditionalFormatting>
  <conditionalFormatting sqref="B34:B37">
    <cfRule type="duplicateValues" dxfId="7" priority="3"/>
  </conditionalFormatting>
  <conditionalFormatting sqref="B38:B39">
    <cfRule type="duplicateValues" dxfId="6" priority="2"/>
  </conditionalFormatting>
  <conditionalFormatting sqref="B40:B54">
    <cfRule type="duplicateValues" dxfId="5" priority="9"/>
  </conditionalFormatting>
  <conditionalFormatting sqref="B55:B56">
    <cfRule type="duplicateValues" dxfId="4" priority="8"/>
  </conditionalFormatting>
  <conditionalFormatting sqref="B57:B63 B18:B23">
    <cfRule type="duplicateValues" dxfId="3" priority="7"/>
  </conditionalFormatting>
  <conditionalFormatting sqref="B64:B65">
    <cfRule type="duplicateValues" dxfId="2" priority="6"/>
  </conditionalFormatting>
  <conditionalFormatting sqref="B77:B79">
    <cfRule type="duplicateValues" dxfId="1" priority="5"/>
  </conditionalFormatting>
  <conditionalFormatting sqref="B81:B179 B57:B63 B66:B76 B18:B23">
    <cfRule type="duplicateValues" dxfId="0" priority="4"/>
  </conditionalFormatting>
  <pageMargins left="0.7" right="0.7" top="0.75" bottom="0.75" header="0.3" footer="0.3"/>
  <pageSetup paperSize="9" orientation="portrait" r:id="rId1"/>
  <tableParts count="1">
    <tablePart r:id="rId2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3AFE24D-024C-4D19-9BBA-2FD568CDA0AE}">
  <ds:schemaRefs/>
</ds:datastoreItem>
</file>

<file path=customXml/itemProps2.xml><?xml version="1.0" encoding="utf-8"?>
<ds:datastoreItem xmlns:ds="http://schemas.openxmlformats.org/officeDocument/2006/customXml" ds:itemID="{330AB371-4956-474F-B192-5E83C364172A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3</vt:i4>
      </vt:variant>
    </vt:vector>
  </HeadingPairs>
  <TitlesOfParts>
    <vt:vector size="3" baseType="lpstr">
      <vt:lpstr>Fuse coord. OTDC S2.0 100-250A</vt:lpstr>
      <vt:lpstr>Fuse coord. OTDC M 250-630A</vt:lpstr>
      <vt:lpstr>Fuse coord. OTDC M 800-1000A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/>
  <dcterms:created xsi:type="dcterms:W3CDTF">2023-03-15T12:20:35Z</dcterms:created>
  <dcterms:modified xsi:type="dcterms:W3CDTF">2026-01-05T09:44:34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8379042165378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